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3\03_決算国費G\K 決算関係（R3）\K01 決算・決特（R3）\23 HP公開\各担当者より\アップロード用\"/>
    </mc:Choice>
  </mc:AlternateContent>
  <bookViews>
    <workbookView xWindow="0" yWindow="0" windowWidth="19200" windowHeight="6696" activeTab="1"/>
  </bookViews>
  <sheets>
    <sheet name="01一般会計(歳入)" sheetId="1" r:id="rId1"/>
    <sheet name="01一般会計(歳出)" sheetId="17" r:id="rId2"/>
    <sheet name="02市町村自治振興事業会" sheetId="2" state="hidden" r:id="rId3"/>
    <sheet name="03公債管理　　特別会計" sheetId="3" state="hidden" r:id="rId4"/>
    <sheet name="04公営競技収益配分金等" sheetId="4" state="hidden" r:id="rId5"/>
    <sheet name="05地方消費税　清算会計" sheetId="5" state="hidden" r:id="rId6"/>
    <sheet name="06災害救助基金会計" sheetId="6" state="hidden" r:id="rId7"/>
    <sheet name="08恩賜記念林業振興資金" sheetId="7" state="hidden" r:id="rId8"/>
    <sheet name="09林業改善資金会計" sheetId="8" state="hidden" r:id="rId9"/>
    <sheet name="10水源環境保全・再生事" sheetId="9" state="hidden" r:id="rId10"/>
    <sheet name="11沿岸漁業改善資金会計" sheetId="10" state="hidden" r:id="rId11"/>
    <sheet name="12介護保険財政安定化基" sheetId="11" state="hidden" r:id="rId12"/>
    <sheet name="13母子父子寡婦福祉資金" sheetId="12" state="hidden" r:id="rId13"/>
    <sheet name="14国民健康保険事業会計" sheetId="13" state="hidden" r:id="rId14"/>
    <sheet name="15神奈川県立病院機構資" sheetId="14" state="hidden" r:id="rId15"/>
    <sheet name="16中小企業資金会計" sheetId="15" state="hidden" r:id="rId16"/>
    <sheet name="18県営住宅事業会計" sheetId="16" state="hidden" r:id="rId17"/>
  </sheets>
  <definedNames>
    <definedName name="Par_位表記雛形">#REF!</definedName>
    <definedName name="Par_単位表記雛形">#REF!</definedName>
    <definedName name="_xlnm.Print_Area" localSheetId="1">'01一般会計(歳出)'!$A$1:$N$128</definedName>
    <definedName name="_xlnm.Print_Area" localSheetId="0">'01一般会計(歳入)'!$A$1:$M$96</definedName>
    <definedName name="_xlnm.Print_Area" localSheetId="2">'02市町村自治振興事業会'!$A$1:$M$32</definedName>
    <definedName name="_xlnm.Print_Area" localSheetId="3">'03公債管理　　特別会計'!$A$1:$M$32</definedName>
    <definedName name="_xlnm.Print_Area" localSheetId="4">'04公営競技収益配分金等'!$A$1:$M$32</definedName>
    <definedName name="_xlnm.Print_Area" localSheetId="5">'05地方消費税　清算会計'!$A$1:$M$32</definedName>
    <definedName name="_xlnm.Print_Area" localSheetId="6">'06災害救助基金会計'!$A$1:$M$32</definedName>
    <definedName name="_xlnm.Print_Area" localSheetId="7">'08恩賜記念林業振興資金'!$A$1:$M$32</definedName>
    <definedName name="_xlnm.Print_Area" localSheetId="8">'09林業改善資金会計'!$A$1:$M$32</definedName>
    <definedName name="_xlnm.Print_Area" localSheetId="9">'10水源環境保全・再生事'!$A$1:$M$32</definedName>
    <definedName name="_xlnm.Print_Area" localSheetId="10">'11沿岸漁業改善資金会計'!$A$1:$M$32</definedName>
    <definedName name="_xlnm.Print_Area" localSheetId="11">'12介護保険財政安定化基'!$A$1:$M$32</definedName>
    <definedName name="_xlnm.Print_Area" localSheetId="12">'13母子父子寡婦福祉資金'!$A$1:$M$32</definedName>
    <definedName name="_xlnm.Print_Area" localSheetId="13">'14国民健康保険事業会計'!$A$1:$M$32</definedName>
    <definedName name="_xlnm.Print_Area" localSheetId="14">'15神奈川県立病院機構資'!$A$1:$M$32</definedName>
    <definedName name="_xlnm.Print_Area" localSheetId="15">'16中小企業資金会計'!$A$1:$M$32</definedName>
    <definedName name="_xlnm.Print_Area" localSheetId="16">'18県営住宅事業会計'!$A$1:$M$3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51" uniqueCount="1007">
  <si>
    <t>H1</t>
  </si>
  <si>
    <t>＜＜＝</t>
  </si>
  <si>
    <t>固定タイトル</t>
  </si>
  <si>
    <t/>
  </si>
  <si>
    <t>款</t>
    <rPh sb="0" eb="1">
      <t>カン</t>
    </rPh>
    <phoneticPr fontId="8"/>
  </si>
  <si>
    <t>項</t>
    <rPh sb="0" eb="1">
      <t>コウ</t>
    </rPh>
    <phoneticPr fontId="8"/>
  </si>
  <si>
    <t>予算現額</t>
    <rPh sb="0" eb="2">
      <t>ヨサン</t>
    </rPh>
    <rPh sb="2" eb="3">
      <t>ゲン</t>
    </rPh>
    <rPh sb="3" eb="4">
      <t>ガク</t>
    </rPh>
    <phoneticPr fontId="8"/>
  </si>
  <si>
    <t>調定額</t>
    <rPh sb="0" eb="1">
      <t>チョウ</t>
    </rPh>
    <rPh sb="1" eb="2">
      <t>テイ</t>
    </rPh>
    <rPh sb="2" eb="3">
      <t>ガク</t>
    </rPh>
    <phoneticPr fontId="8"/>
  </si>
  <si>
    <t>収入済額</t>
    <rPh sb="0" eb="2">
      <t>シュウニュウ</t>
    </rPh>
    <rPh sb="2" eb="3">
      <t>スミ</t>
    </rPh>
    <rPh sb="3" eb="4">
      <t>ガク</t>
    </rPh>
    <phoneticPr fontId="8"/>
  </si>
  <si>
    <t>不納欠損額</t>
    <rPh sb="0" eb="2">
      <t>フノウ</t>
    </rPh>
    <rPh sb="2" eb="4">
      <t>ケッソン</t>
    </rPh>
    <rPh sb="4" eb="5">
      <t>ガク</t>
    </rPh>
    <phoneticPr fontId="8"/>
  </si>
  <si>
    <t>収入未済額</t>
    <rPh sb="0" eb="2">
      <t>シュウニュウ</t>
    </rPh>
    <rPh sb="2" eb="3">
      <t>ミ</t>
    </rPh>
    <rPh sb="3" eb="4">
      <t>スミ</t>
    </rPh>
    <rPh sb="4" eb="5">
      <t>ガク</t>
    </rPh>
    <phoneticPr fontId="8"/>
  </si>
  <si>
    <t>予算現額と
収入済額との
比較</t>
    <rPh sb="0" eb="2">
      <t>ヨサン</t>
    </rPh>
    <rPh sb="2" eb="3">
      <t>ゲン</t>
    </rPh>
    <rPh sb="3" eb="4">
      <t>ガク</t>
    </rPh>
    <rPh sb="6" eb="8">
      <t>シュウニュウ</t>
    </rPh>
    <rPh sb="8" eb="9">
      <t>ズ</t>
    </rPh>
    <rPh sb="9" eb="10">
      <t>ガク</t>
    </rPh>
    <rPh sb="13" eb="15">
      <t>ヒカク</t>
    </rPh>
    <phoneticPr fontId="8"/>
  </si>
  <si>
    <t>H3</t>
  </si>
  <si>
    <t>見出し</t>
  </si>
  <si>
    <t>円</t>
    <rPh sb="0" eb="1">
      <t>エン</t>
    </rPh>
    <phoneticPr fontId="8"/>
  </si>
  <si>
    <t>歳入合計</t>
    <rPh sb="0" eb="2">
      <t>サイニュウ</t>
    </rPh>
    <rPh sb="2" eb="4">
      <t>ゴウケイ</t>
    </rPh>
    <phoneticPr fontId="8"/>
  </si>
  <si>
    <t>　歳　　入</t>
  </si>
  <si>
    <t xml:space="preserve"> 1</t>
  </si>
  <si>
    <t>県税</t>
  </si>
  <si>
    <t>1,174,619,987,000</t>
  </si>
  <si>
    <t>1,195,811,906,318</t>
  </si>
  <si>
    <t xml:space="preserve">×_x000D_
</t>
  </si>
  <si>
    <t>1,045,859,049_x000D_
1,179,210,379,574</t>
    <phoneticPr fontId="1"/>
  </si>
  <si>
    <t>1,183,731,792</t>
  </si>
  <si>
    <t>16,463,654,001</t>
  </si>
  <si>
    <t>4,590,392,574</t>
  </si>
  <si>
    <t>県民税</t>
  </si>
  <si>
    <t>372,974,772,000</t>
  </si>
  <si>
    <t>383,769,998,343</t>
  </si>
  <si>
    <t>39,477,027_x000D_
374,503,483,402</t>
    <phoneticPr fontId="1"/>
  </si>
  <si>
    <t>997,337,161</t>
  </si>
  <si>
    <t>8,308,654,807</t>
  </si>
  <si>
    <t>1,528,711,402</t>
  </si>
  <si>
    <t xml:space="preserve"> 2</t>
  </si>
  <si>
    <t>事業税</t>
  </si>
  <si>
    <t>266,251,439,000</t>
  </si>
  <si>
    <t>272,554,663,286</t>
  </si>
  <si>
    <t>953,834,241_x000D_
268,955,980,347</t>
    <phoneticPr fontId="1"/>
  </si>
  <si>
    <t>86,579,549</t>
  </si>
  <si>
    <t>4,465,937,631</t>
  </si>
  <si>
    <t>2,704,541,347</t>
  </si>
  <si>
    <t xml:space="preserve"> 3</t>
  </si>
  <si>
    <t>地方消費税</t>
  </si>
  <si>
    <t>366,017,719,000</t>
  </si>
  <si>
    <t>0</t>
  </si>
  <si>
    <t xml:space="preserve"> 4</t>
  </si>
  <si>
    <t>不動産取得税</t>
  </si>
  <si>
    <t>24,800,351,000</t>
  </si>
  <si>
    <t>26,546,136,848</t>
  </si>
  <si>
    <t>50,017,200_x000D_
25,127,833,470</t>
    <phoneticPr fontId="1"/>
  </si>
  <si>
    <t>23,126,680</t>
  </si>
  <si>
    <t>1,445,193,898</t>
  </si>
  <si>
    <t>327,482,470</t>
  </si>
  <si>
    <t xml:space="preserve"> 5</t>
  </si>
  <si>
    <t>県たばこ税</t>
  </si>
  <si>
    <t>8,752,532,000</t>
  </si>
  <si>
    <t>8,710,482,478</t>
  </si>
  <si>
    <t>8,710,473,696</t>
  </si>
  <si>
    <t>8,782</t>
  </si>
  <si>
    <t>△</t>
  </si>
  <si>
    <t>42,058,304</t>
  </si>
  <si>
    <t xml:space="preserve"> 6</t>
  </si>
  <si>
    <t>1,318,863,000</t>
  </si>
  <si>
    <t>1,352,877,600</t>
  </si>
  <si>
    <t>34,014,600</t>
  </si>
  <si>
    <t xml:space="preserve"> 7</t>
  </si>
  <si>
    <t>軽油引取税</t>
  </si>
  <si>
    <t>38,557,525,000</t>
  </si>
  <si>
    <t>40,048,915,513</t>
  </si>
  <si>
    <t>336,381_x000D_
38,478,088,839</t>
    <phoneticPr fontId="1"/>
  </si>
  <si>
    <t>1,571,163,055</t>
  </si>
  <si>
    <t>79,436,161</t>
  </si>
  <si>
    <t xml:space="preserve"> 8</t>
  </si>
  <si>
    <t>自動車税</t>
  </si>
  <si>
    <t>95,674,702,000</t>
  </si>
  <si>
    <t>96,047,762,500</t>
  </si>
  <si>
    <t>1,997,700_x000D_
95,769,751,454</t>
    <phoneticPr fontId="1"/>
  </si>
  <si>
    <t>227,450</t>
  </si>
  <si>
    <t>279,781,296</t>
  </si>
  <si>
    <t>95,049,454</t>
  </si>
  <si>
    <t xml:space="preserve"> 9</t>
  </si>
  <si>
    <t>鉱区税</t>
  </si>
  <si>
    <t>1,000</t>
  </si>
  <si>
    <t>1,200</t>
  </si>
  <si>
    <t>200</t>
  </si>
  <si>
    <t>10</t>
  </si>
  <si>
    <t>狩猟税</t>
  </si>
  <si>
    <t>15,061,000</t>
  </si>
  <si>
    <t>15,017,500</t>
  </si>
  <si>
    <t>43,500</t>
  </si>
  <si>
    <t>11</t>
  </si>
  <si>
    <t>旧法による税</t>
  </si>
  <si>
    <t>257,022,000</t>
  </si>
  <si>
    <t>748,332,050</t>
  </si>
  <si>
    <t>196,500_x000D_
279,153,066</t>
    <phoneticPr fontId="1"/>
  </si>
  <si>
    <t>76,460,952</t>
  </si>
  <si>
    <t>392,914,532</t>
  </si>
  <si>
    <t>22,131,066</t>
  </si>
  <si>
    <t>地方譲与税</t>
  </si>
  <si>
    <t>132,348,467,000</t>
  </si>
  <si>
    <t>132,264,404,006</t>
  </si>
  <si>
    <t>84,062,994</t>
  </si>
  <si>
    <t>特別法人事業譲与税</t>
  </si>
  <si>
    <t>129,957,225,000</t>
  </si>
  <si>
    <t>129,882,295,000</t>
  </si>
  <si>
    <t>74,930,000</t>
  </si>
  <si>
    <t>1,598,752,000</t>
  </si>
  <si>
    <t>1,590,320,000</t>
  </si>
  <si>
    <t>8,432,000</t>
  </si>
  <si>
    <t>46,982,000</t>
  </si>
  <si>
    <t>43,405,000</t>
  </si>
  <si>
    <t>3,577,000</t>
  </si>
  <si>
    <t>599,482,000</t>
  </si>
  <si>
    <t>602,358,000</t>
  </si>
  <si>
    <t>2,876,000</t>
  </si>
  <si>
    <t>146,026,000</t>
  </si>
  <si>
    <t>6</t>
  </si>
  <si>
    <t>4,949,819,000</t>
  </si>
  <si>
    <t>地方交付税</t>
  </si>
  <si>
    <t>120,256,243,000</t>
  </si>
  <si>
    <t>120,995,532,000</t>
  </si>
  <si>
    <t>739,289,000</t>
  </si>
  <si>
    <t>交通安全対策特別交付金</t>
  </si>
  <si>
    <t>1,200,000,000</t>
  </si>
  <si>
    <t>1,354,465,000</t>
  </si>
  <si>
    <t>154,465,000</t>
  </si>
  <si>
    <t>分担金及び負担金</t>
  </si>
  <si>
    <t>618,580,283</t>
  </si>
  <si>
    <t>596,716,937</t>
  </si>
  <si>
    <t>539,012,753</t>
  </si>
  <si>
    <t>5,957,810</t>
  </si>
  <si>
    <t>51,746,374</t>
  </si>
  <si>
    <t>79,567,530</t>
  </si>
  <si>
    <t>分担金</t>
  </si>
  <si>
    <t>38,202,000</t>
  </si>
  <si>
    <t>32,666,300</t>
  </si>
  <si>
    <t>5,535,700</t>
  </si>
  <si>
    <t>負担金</t>
  </si>
  <si>
    <t>580,378,283</t>
  </si>
  <si>
    <t>564,050,637</t>
  </si>
  <si>
    <t>506,346,453</t>
  </si>
  <si>
    <t>74,031,830</t>
  </si>
  <si>
    <t>使用料及び手数料</t>
  </si>
  <si>
    <t>29,113,201,000</t>
  </si>
  <si>
    <t>29,135,444,043</t>
  </si>
  <si>
    <t>59,580_x000D_
29,038,801,255</t>
    <phoneticPr fontId="1"/>
  </si>
  <si>
    <t>4,393,805</t>
  </si>
  <si>
    <t>92,308,563</t>
  </si>
  <si>
    <t>74,399,745</t>
  </si>
  <si>
    <t>使用料</t>
  </si>
  <si>
    <t>17,092,802,000</t>
  </si>
  <si>
    <t>17,201,091,220</t>
  </si>
  <si>
    <t>59,580_x000D_
17,114,314,572</t>
    <phoneticPr fontId="1"/>
  </si>
  <si>
    <t>82,442,423</t>
  </si>
  <si>
    <t>21,512,572</t>
  </si>
  <si>
    <t>手数料</t>
  </si>
  <si>
    <t>2,273,166,000</t>
  </si>
  <si>
    <t>2,271,565,123</t>
  </si>
  <si>
    <t>2,261,698,983</t>
  </si>
  <si>
    <t>9,866,140</t>
  </si>
  <si>
    <t>11,467,017</t>
  </si>
  <si>
    <t>証紙収入</t>
  </si>
  <si>
    <t>9,747,233,000</t>
  </si>
  <si>
    <t>9,662,787,700</t>
  </si>
  <si>
    <t>84,445,300</t>
  </si>
  <si>
    <t>国庫支出金</t>
  </si>
  <si>
    <t>837,713,591,474</t>
  </si>
  <si>
    <t>692,967,821,311</t>
  </si>
  <si>
    <t>144,745,770,163</t>
  </si>
  <si>
    <t>国庫負担金</t>
  </si>
  <si>
    <t>54,826,455,531</t>
  </si>
  <si>
    <t>52,754,671,309</t>
  </si>
  <si>
    <t>2,071,784,222</t>
  </si>
  <si>
    <t>国庫補助金</t>
  </si>
  <si>
    <t>776,683,791,943</t>
  </si>
  <si>
    <t>634,393,311,891</t>
  </si>
  <si>
    <t>142,290,480,052</t>
  </si>
  <si>
    <t>委託金</t>
  </si>
  <si>
    <t>6,203,344,000</t>
  </si>
  <si>
    <t>5,819,838,111</t>
  </si>
  <si>
    <t>383,505,889</t>
  </si>
  <si>
    <t>財産収入</t>
  </si>
  <si>
    <t>4,100,489,000</t>
  </si>
  <si>
    <t>4,186,717,705</t>
  </si>
  <si>
    <t>4,184,897,381</t>
  </si>
  <si>
    <t>1,820,324</t>
  </si>
  <si>
    <t>84,408,381</t>
  </si>
  <si>
    <t>財産運用収入</t>
  </si>
  <si>
    <t>2,218,536,000</t>
  </si>
  <si>
    <t>2,217,150,702</t>
  </si>
  <si>
    <t>2,216,088,976</t>
  </si>
  <si>
    <t>1,061,726</t>
  </si>
  <si>
    <t>2,447,024</t>
  </si>
  <si>
    <t>財産売払収入</t>
  </si>
  <si>
    <t>1,881,953,000</t>
  </si>
  <si>
    <t>1,969,567,003</t>
  </si>
  <si>
    <t>1,968,808,405</t>
  </si>
  <si>
    <t>758,598</t>
  </si>
  <si>
    <t>86,855,405</t>
  </si>
  <si>
    <t>寄附金</t>
  </si>
  <si>
    <t>1,513,074,000</t>
  </si>
  <si>
    <t>967,386,897</t>
  </si>
  <si>
    <t>967,356,897</t>
  </si>
  <si>
    <t>30,000</t>
  </si>
  <si>
    <t>545,717,103</t>
  </si>
  <si>
    <t>繰入金</t>
  </si>
  <si>
    <t>59,502,558,000</t>
  </si>
  <si>
    <t>48,454,625,488</t>
  </si>
  <si>
    <t>11,047,932,512</t>
  </si>
  <si>
    <t>2,740,140,000</t>
  </si>
  <si>
    <t>2,739,707,288</t>
  </si>
  <si>
    <t>432,712</t>
  </si>
  <si>
    <t>基金繰入金</t>
  </si>
  <si>
    <t>56,762,418,000</t>
  </si>
  <si>
    <t>45,714,918,200</t>
  </si>
  <si>
    <t>11,047,499,800</t>
  </si>
  <si>
    <t>12</t>
  </si>
  <si>
    <t>繰越金</t>
  </si>
  <si>
    <t>18,382,970,040</t>
  </si>
  <si>
    <t>18,382,970,355</t>
  </si>
  <si>
    <t>315</t>
  </si>
  <si>
    <t>13</t>
  </si>
  <si>
    <t>諸収入</t>
  </si>
  <si>
    <t>27,662,396,617</t>
  </si>
  <si>
    <t>28,309,492,108</t>
  </si>
  <si>
    <t>339,832_x000D_
25,087,209,845</t>
    <phoneticPr fontId="1"/>
  </si>
  <si>
    <t>138,800,044</t>
  </si>
  <si>
    <t>3,083,822,051</t>
  </si>
  <si>
    <t>2,575,186,772</t>
  </si>
  <si>
    <t>2,541,328,000</t>
  </si>
  <si>
    <t>3,168,441,837</t>
  </si>
  <si>
    <t>339,832_x000D_
2,230,459,076</t>
    <phoneticPr fontId="1"/>
  </si>
  <si>
    <t>93,951,589</t>
  </si>
  <si>
    <t>844,371,004</t>
  </si>
  <si>
    <t>310,868,924</t>
  </si>
  <si>
    <t>預金利子</t>
  </si>
  <si>
    <t>2,500,000</t>
  </si>
  <si>
    <t>3,023,258</t>
  </si>
  <si>
    <t>523,258</t>
  </si>
  <si>
    <t>1,539,747,000</t>
  </si>
  <si>
    <t>2,403,117,507</t>
  </si>
  <si>
    <t>1,571,409,058</t>
  </si>
  <si>
    <t>22,339,337</t>
  </si>
  <si>
    <t>809,369,112</t>
  </si>
  <si>
    <t>31,662,058</t>
  </si>
  <si>
    <t>受託事業収入</t>
  </si>
  <si>
    <t>973,526,000</t>
  </si>
  <si>
    <t>697,791,235</t>
  </si>
  <si>
    <t>697,761,235</t>
  </si>
  <si>
    <t>275,764,765</t>
  </si>
  <si>
    <t>収益事業収入</t>
  </si>
  <si>
    <t>7,379,819,000</t>
  </si>
  <si>
    <t>7,352,188,445</t>
  </si>
  <si>
    <t>27,630,555</t>
  </si>
  <si>
    <t>負担交付収入</t>
  </si>
  <si>
    <t>8,671,404,617</t>
  </si>
  <si>
    <t>7,149,418,139</t>
  </si>
  <si>
    <t>7,140,456,289</t>
  </si>
  <si>
    <t>8,961,850</t>
  </si>
  <si>
    <t>1,530,948,328</t>
  </si>
  <si>
    <t>事業収入</t>
  </si>
  <si>
    <t>1,264,871,000</t>
  </si>
  <si>
    <t>359,007,167</t>
  </si>
  <si>
    <t>905,863,833</t>
  </si>
  <si>
    <t>受講料収入</t>
  </si>
  <si>
    <t>37,834,000</t>
  </si>
  <si>
    <t>18,061,759</t>
  </si>
  <si>
    <t>18,031,759</t>
  </si>
  <si>
    <t>19,802,241</t>
  </si>
  <si>
    <t>立替収入</t>
  </si>
  <si>
    <t>812,163,000</t>
  </si>
  <si>
    <t>770,189,095</t>
  </si>
  <si>
    <t>768,872,949</t>
  </si>
  <si>
    <t>1,316,146</t>
  </si>
  <si>
    <t>43,290,051</t>
  </si>
  <si>
    <t>福利厚生収入</t>
  </si>
  <si>
    <t>253,768,000</t>
  </si>
  <si>
    <t>233,519,640</t>
  </si>
  <si>
    <t>233,513,240</t>
  </si>
  <si>
    <t>6,400</t>
  </si>
  <si>
    <t>20,254,760</t>
  </si>
  <si>
    <t>徴収取扱収入</t>
  </si>
  <si>
    <t>11,041,000</t>
  </si>
  <si>
    <t>11,032,770</t>
  </si>
  <si>
    <t>8,230</t>
  </si>
  <si>
    <t>雑入</t>
  </si>
  <si>
    <t>4,174,395,000</t>
  </si>
  <si>
    <t>6,143,701,256</t>
  </si>
  <si>
    <t>4,701,454,599</t>
  </si>
  <si>
    <t>22,509,118</t>
  </si>
  <si>
    <t>1,419,737,539</t>
  </si>
  <si>
    <t>527,059,599</t>
  </si>
  <si>
    <t>14</t>
  </si>
  <si>
    <t>県債</t>
  </si>
  <si>
    <t>289,080,800,000</t>
  </si>
  <si>
    <t>249,169,800,000</t>
  </si>
  <si>
    <t>39,911,000,000</t>
  </si>
  <si>
    <t>2,701,062,176,414</t>
  </si>
  <si>
    <t>2,527,547,101,168</t>
  </si>
  <si>
    <t>1,046,258,461_x000D_
2,507,567,094,865</t>
    <phoneticPr fontId="1"/>
  </si>
  <si>
    <t>1,332,883,451</t>
  </si>
  <si>
    <t>19,693,381,313</t>
  </si>
  <si>
    <t>193,495,081,549</t>
  </si>
  <si>
    <t>市町村自治振興事業収入</t>
  </si>
  <si>
    <t>9,965,085,000</t>
  </si>
  <si>
    <t>10,119,312,920</t>
  </si>
  <si>
    <t>154,227,920</t>
  </si>
  <si>
    <t>貸付金収入</t>
  </si>
  <si>
    <t>5,753,006,000</t>
  </si>
  <si>
    <t>5,762,161,726</t>
  </si>
  <si>
    <t>9,155,726</t>
  </si>
  <si>
    <t>3,437,856,000</t>
  </si>
  <si>
    <t>3,424,084,712</t>
  </si>
  <si>
    <t>13,771,288</t>
  </si>
  <si>
    <t>774,023,000</t>
  </si>
  <si>
    <t>933,004,309</t>
  </si>
  <si>
    <t>158,981,309</t>
  </si>
  <si>
    <t>200,000</t>
  </si>
  <si>
    <t>62,173</t>
  </si>
  <si>
    <t>137,827</t>
  </si>
  <si>
    <t>公債管理収入</t>
  </si>
  <si>
    <t>650,347,805,000</t>
  </si>
  <si>
    <t>650,178,921,519</t>
  </si>
  <si>
    <t>168,883,481</t>
  </si>
  <si>
    <t>6,720,349,000</t>
  </si>
  <si>
    <t>6,719,300,128</t>
  </si>
  <si>
    <t>1,048,872</t>
  </si>
  <si>
    <t>447,676,456,000</t>
  </si>
  <si>
    <t>447,508,621,391</t>
  </si>
  <si>
    <t>167,834,609</t>
  </si>
  <si>
    <t>195,951,000,000</t>
  </si>
  <si>
    <t>公営競技収益配分金等管理収入</t>
  </si>
  <si>
    <t>4,037,878,000</t>
  </si>
  <si>
    <t>4,037,880,042</t>
  </si>
  <si>
    <t>2,042</t>
  </si>
  <si>
    <t>収益配分金収入</t>
  </si>
  <si>
    <t>4,020,000,000</t>
  </si>
  <si>
    <t>17,878,000</t>
  </si>
  <si>
    <t>17,879,876</t>
  </si>
  <si>
    <t>1,876</t>
  </si>
  <si>
    <t>166</t>
  </si>
  <si>
    <t>地方消費税清算収入</t>
  </si>
  <si>
    <t>699,013,183,000</t>
  </si>
  <si>
    <t>701,447,916,609</t>
  </si>
  <si>
    <t>2,434,733,609</t>
  </si>
  <si>
    <t>地方消費税収入</t>
  </si>
  <si>
    <t>348,222,502,000</t>
  </si>
  <si>
    <t>350,657,340,883</t>
  </si>
  <si>
    <t>2,434,838,883</t>
  </si>
  <si>
    <t>地方消費税清算金収入</t>
  </si>
  <si>
    <t>350,790,681,000</t>
  </si>
  <si>
    <t>350,790,575,726</t>
  </si>
  <si>
    <t>105,274</t>
  </si>
  <si>
    <t>災害救助基金</t>
  </si>
  <si>
    <t>582,039,000</t>
  </si>
  <si>
    <t>40,213,005</t>
  </si>
  <si>
    <t>541,825,995</t>
  </si>
  <si>
    <t>1,000,000</t>
  </si>
  <si>
    <t>361,014</t>
  </si>
  <si>
    <t>638,986</t>
  </si>
  <si>
    <t>311,808,000</t>
  </si>
  <si>
    <t>29,215,321</t>
  </si>
  <si>
    <t>282,592,679</t>
  </si>
  <si>
    <t>258,528,000</t>
  </si>
  <si>
    <t>10,702,000</t>
  </si>
  <si>
    <t>10,636,670</t>
  </si>
  <si>
    <t>65,330</t>
  </si>
  <si>
    <t>林業振興資金収入</t>
  </si>
  <si>
    <t>136,946,000</t>
  </si>
  <si>
    <t>172,304,566</t>
  </si>
  <si>
    <t>35,358,566</t>
  </si>
  <si>
    <t>78,221,000</t>
  </si>
  <si>
    <t>83,519,037</t>
  </si>
  <si>
    <t>5,298,037</t>
  </si>
  <si>
    <t>58,724,000</t>
  </si>
  <si>
    <t>88,784,769</t>
  </si>
  <si>
    <t>30,060,769</t>
  </si>
  <si>
    <t>760</t>
  </si>
  <si>
    <t>240</t>
  </si>
  <si>
    <t>林業改善資金収入</t>
  </si>
  <si>
    <t>51,211,000</t>
  </si>
  <si>
    <t>64,150,818</t>
  </si>
  <si>
    <t>12,939,818</t>
  </si>
  <si>
    <t>10,778,000</t>
  </si>
  <si>
    <t>12,778,000</t>
  </si>
  <si>
    <t>2,000,000</t>
  </si>
  <si>
    <t>70,000</t>
  </si>
  <si>
    <t>9,900</t>
  </si>
  <si>
    <t>60,100</t>
  </si>
  <si>
    <t>40,362,000</t>
  </si>
  <si>
    <t>51,362,337</t>
  </si>
  <si>
    <t>11,000,337</t>
  </si>
  <si>
    <t>581</t>
  </si>
  <si>
    <t>419</t>
  </si>
  <si>
    <t>水源環境保全・再生事業収入</t>
  </si>
  <si>
    <t>8,614,559,153</t>
  </si>
  <si>
    <t>8,456,790,269</t>
  </si>
  <si>
    <t>157,768,884</t>
  </si>
  <si>
    <t>20,000</t>
  </si>
  <si>
    <t>43,451</t>
  </si>
  <si>
    <t>23,451</t>
  </si>
  <si>
    <t>1,521,000</t>
  </si>
  <si>
    <t>1,763,989</t>
  </si>
  <si>
    <t>242,989</t>
  </si>
  <si>
    <t>8,530,876,000</t>
  </si>
  <si>
    <t>8,372,889,140</t>
  </si>
  <si>
    <t>157,986,860</t>
  </si>
  <si>
    <t>216,000</t>
  </si>
  <si>
    <t>167,313</t>
  </si>
  <si>
    <t>48,687</t>
  </si>
  <si>
    <t>81,926,153</t>
  </si>
  <si>
    <t>81,926,376</t>
  </si>
  <si>
    <t>223</t>
  </si>
  <si>
    <t>沿岸漁業改善資金収入</t>
  </si>
  <si>
    <t>137,588,000</t>
  </si>
  <si>
    <t>166,781,258</t>
  </si>
  <si>
    <t>29,193,258</t>
  </si>
  <si>
    <t>25,091,000</t>
  </si>
  <si>
    <t>21,169,000</t>
  </si>
  <si>
    <t>3,922,000</t>
  </si>
  <si>
    <t>934,000</t>
  </si>
  <si>
    <t>333,845</t>
  </si>
  <si>
    <t>600,155</t>
  </si>
  <si>
    <t>111,562,000</t>
  </si>
  <si>
    <t>145,276,957</t>
  </si>
  <si>
    <t>33,714,957</t>
  </si>
  <si>
    <t>1,456</t>
  </si>
  <si>
    <t>456</t>
  </si>
  <si>
    <t>介護保険財政安定化基金</t>
  </si>
  <si>
    <t>629,000</t>
  </si>
  <si>
    <t>517,175</t>
  </si>
  <si>
    <t>111,825</t>
  </si>
  <si>
    <t>628,000</t>
  </si>
  <si>
    <t>110,825</t>
  </si>
  <si>
    <t>母子父子寡婦福祉資金収入</t>
  </si>
  <si>
    <t>417,509,000</t>
  </si>
  <si>
    <t>1,857,837,711</t>
  </si>
  <si>
    <t>7,561_x000D_
650,562,735</t>
    <phoneticPr fontId="1"/>
  </si>
  <si>
    <t>10,551,101</t>
  </si>
  <si>
    <t>1,196,731,436</t>
  </si>
  <si>
    <t>233,053,735</t>
  </si>
  <si>
    <t>284,069,000</t>
  </si>
  <si>
    <t>1,683,733,659</t>
  </si>
  <si>
    <t>7,561_x000D_
486,049,705</t>
    <phoneticPr fontId="1"/>
  </si>
  <si>
    <t>10,294,658</t>
  </si>
  <si>
    <t>1,187,396,857</t>
  </si>
  <si>
    <t>201,980,705</t>
  </si>
  <si>
    <t>12,457,000</t>
  </si>
  <si>
    <t>119,514,000</t>
  </si>
  <si>
    <t>150,213,831</t>
  </si>
  <si>
    <t>30,699,831</t>
  </si>
  <si>
    <t>1,469,000</t>
  </si>
  <si>
    <t>11,433,221</t>
  </si>
  <si>
    <t>1,842,199</t>
  </si>
  <si>
    <t>256,443</t>
  </si>
  <si>
    <t>9,334,579</t>
  </si>
  <si>
    <t>373,199</t>
  </si>
  <si>
    <t>7,561_x000D_
650,562,735</t>
    <phoneticPr fontId="1"/>
  </si>
  <si>
    <t>国民健康保険事業収入</t>
  </si>
  <si>
    <t>721,408,871,000</t>
  </si>
  <si>
    <t>724,972,365,708</t>
  </si>
  <si>
    <t>3,563,494,708</t>
  </si>
  <si>
    <t>240,964,360,000</t>
  </si>
  <si>
    <t>240,964,360,977</t>
  </si>
  <si>
    <t>977</t>
  </si>
  <si>
    <t>179,764,813,000</t>
  </si>
  <si>
    <t>188,776,241,325</t>
  </si>
  <si>
    <t>9,011,428,325</t>
  </si>
  <si>
    <t>3,500,000</t>
  </si>
  <si>
    <t>2,615,396</t>
  </si>
  <si>
    <t>884,604</t>
  </si>
  <si>
    <t>58,268,722,000</t>
  </si>
  <si>
    <t>52,749,721,804</t>
  </si>
  <si>
    <t>5,519,000,196</t>
  </si>
  <si>
    <t>231,770,280,000</t>
  </si>
  <si>
    <t>231,842,228,807</t>
  </si>
  <si>
    <t>71,948,807</t>
  </si>
  <si>
    <t>10,637,196,000</t>
  </si>
  <si>
    <t>10,637,197,399</t>
  </si>
  <si>
    <t>1,399</t>
  </si>
  <si>
    <t>病院機構資金収入</t>
  </si>
  <si>
    <t>5,038,623,000</t>
  </si>
  <si>
    <t>4,832,622,118</t>
  </si>
  <si>
    <t>206,000,882</t>
  </si>
  <si>
    <t>3,547,623,000</t>
  </si>
  <si>
    <t>3,547,622,118</t>
  </si>
  <si>
    <t>882</t>
  </si>
  <si>
    <t>1,491,000,000</t>
  </si>
  <si>
    <t>1,285,000,000</t>
  </si>
  <si>
    <t>206,000,000</t>
  </si>
  <si>
    <t>中小企業資金収入</t>
  </si>
  <si>
    <t>2,360,865,000</t>
  </si>
  <si>
    <t>3,217,550,954</t>
  </si>
  <si>
    <t>2,603,218,367</t>
  </si>
  <si>
    <t>614,332,587</t>
  </si>
  <si>
    <t>242,353,367</t>
  </si>
  <si>
    <t>1,223,322,000</t>
  </si>
  <si>
    <t>2,301,357,232</t>
  </si>
  <si>
    <t>1,691,446,282</t>
  </si>
  <si>
    <t>609,910,950</t>
  </si>
  <si>
    <t>468,124,282</t>
  </si>
  <si>
    <t>276,186,000</t>
  </si>
  <si>
    <t>145,450,983</t>
  </si>
  <si>
    <t>130,735,017</t>
  </si>
  <si>
    <t>590,871,000</t>
  </si>
  <si>
    <t>625,881,183</t>
  </si>
  <si>
    <t>35,010,183</t>
  </si>
  <si>
    <t>486,000</t>
  </si>
  <si>
    <t>4,868,858</t>
  </si>
  <si>
    <t>447,221</t>
  </si>
  <si>
    <t>4,421,637</t>
  </si>
  <si>
    <t>38,779</t>
  </si>
  <si>
    <t>250,000,000</t>
  </si>
  <si>
    <t>126,611,000</t>
  </si>
  <si>
    <t>123,389,000</t>
  </si>
  <si>
    <t>20,000,000</t>
  </si>
  <si>
    <t>13,381,698</t>
  </si>
  <si>
    <t>6,618,302</t>
  </si>
  <si>
    <t>県営住宅事業収入</t>
  </si>
  <si>
    <t>19,263,250,000</t>
  </si>
  <si>
    <t>20,079,244,679</t>
  </si>
  <si>
    <t>18,793,587,390</t>
  </si>
  <si>
    <t>69,979,746</t>
  </si>
  <si>
    <t>1,215,677,543</t>
  </si>
  <si>
    <t>469,662,610</t>
  </si>
  <si>
    <t>9,726,930,000</t>
  </si>
  <si>
    <t>11,218,183,286</t>
  </si>
  <si>
    <t>9,978,520,767</t>
  </si>
  <si>
    <t>1,169,682,773</t>
  </si>
  <si>
    <t>251,590,767</t>
  </si>
  <si>
    <t>441,000</t>
  </si>
  <si>
    <t>692,945</t>
  </si>
  <si>
    <t>251,945</t>
  </si>
  <si>
    <t>849,629,000</t>
  </si>
  <si>
    <t>887,381,821</t>
  </si>
  <si>
    <t>865,236,298</t>
  </si>
  <si>
    <t>22,145,523</t>
  </si>
  <si>
    <t>15,607,298</t>
  </si>
  <si>
    <t>1,584,117,000</t>
  </si>
  <si>
    <t>1,317,583,000</t>
  </si>
  <si>
    <t>266,534,000</t>
  </si>
  <si>
    <t>335,844,000</t>
  </si>
  <si>
    <t>429,947,903</t>
  </si>
  <si>
    <t>429,628,066</t>
  </si>
  <si>
    <t>319,837</t>
  </si>
  <si>
    <t>93,784,066</t>
  </si>
  <si>
    <t>4,790,000,000</t>
  </si>
  <si>
    <t>155,261,000</t>
  </si>
  <si>
    <t>155,261,915</t>
  </si>
  <si>
    <t>915</t>
  </si>
  <si>
    <t>46,028,000</t>
  </si>
  <si>
    <t>70,193,809</t>
  </si>
  <si>
    <t>46,664,399</t>
  </si>
  <si>
    <t>23,529,410</t>
  </si>
  <si>
    <t>636,399</t>
  </si>
  <si>
    <t>1,775,000,000</t>
  </si>
  <si>
    <t>1,210,000,000</t>
  </si>
  <si>
    <t>565,000,000</t>
  </si>
  <si>
    <t>令和２年度神奈川県一般会計歳入歳出決算書</t>
  </si>
  <si>
    <t>令和２年度神奈川県市町村自治振興事業会計歳入歳出決算書</t>
  </si>
  <si>
    <t>令和２年度神奈川県公債管理特別会計歳入歳出決算書</t>
  </si>
  <si>
    <t>令和２年度神奈川県公営競技収益配分金等管理会計歳入歳出決算書</t>
  </si>
  <si>
    <t>令和２年度神奈川県地方消費税清算会計歳入歳出決算書</t>
  </si>
  <si>
    <t>令和２年度神奈川県災害救助基金会計歳入歳出決算書</t>
  </si>
  <si>
    <t>令和２年度神奈川県恩賜記念林業振興資金会計歳入歳出決算書</t>
  </si>
  <si>
    <t>令和２年度神奈川県林業改善資金会計歳入歳出決算書</t>
  </si>
  <si>
    <t>令和２年度神奈川県水源環境保全・再生事業会計歳入歳出決算書</t>
  </si>
  <si>
    <t>令和２年度神奈川県沿岸漁業改善資金会計歳入歳出決算書</t>
  </si>
  <si>
    <t>令和２年度神奈川県介護保険財政安定化基金会計歳入歳出決算書</t>
  </si>
  <si>
    <t>令和２年度神奈川県母子父子寡婦福祉資金会計歳入歳出決算書</t>
  </si>
  <si>
    <t>令和２年度神奈川県国民健康保険事業会計歳入歳出決算書</t>
  </si>
  <si>
    <t>令和２年度神奈川県神奈川県立病院機構資金会計歳入歳出決算書</t>
  </si>
  <si>
    <t>令和２年度神奈川県中小企業資金会計歳入歳出決算書</t>
  </si>
  <si>
    <t>令和２年度神奈川県県営住宅事業会計歳入歳出決算書</t>
  </si>
  <si>
    <t>ゴルフ場
利用税</t>
    <phoneticPr fontId="1"/>
  </si>
  <si>
    <t>地方揮発油
譲与税</t>
    <phoneticPr fontId="1"/>
  </si>
  <si>
    <t>石油ガス
譲与税</t>
    <phoneticPr fontId="1"/>
  </si>
  <si>
    <t>自動車重量
譲与税</t>
    <phoneticPr fontId="1"/>
  </si>
  <si>
    <t>森林環境
譲与税</t>
    <phoneticPr fontId="1"/>
  </si>
  <si>
    <t>地方道路
譲与税</t>
    <phoneticPr fontId="1"/>
  </si>
  <si>
    <t>地方特例
交付金</t>
    <phoneticPr fontId="1"/>
  </si>
  <si>
    <t>地方特例
交付金</t>
    <phoneticPr fontId="1"/>
  </si>
  <si>
    <t>分担金及び
負担金</t>
    <phoneticPr fontId="1"/>
  </si>
  <si>
    <t>使用料及び
手数料</t>
    <phoneticPr fontId="1"/>
  </si>
  <si>
    <t>特別会計
繰入金</t>
    <phoneticPr fontId="1"/>
  </si>
  <si>
    <t>延滞金、加算金
及び過料等</t>
    <phoneticPr fontId="1"/>
  </si>
  <si>
    <t>貸付金元利
収入</t>
    <phoneticPr fontId="1"/>
  </si>
  <si>
    <t>　歳　　出</t>
  </si>
  <si>
    <t>支出済額</t>
    <rPh sb="0" eb="2">
      <t>シシュツ</t>
    </rPh>
    <rPh sb="2" eb="3">
      <t>スミ</t>
    </rPh>
    <rPh sb="3" eb="4">
      <t>ガク</t>
    </rPh>
    <phoneticPr fontId="8"/>
  </si>
  <si>
    <t>翌年度繰越額</t>
    <rPh sb="0" eb="1">
      <t>ヨク</t>
    </rPh>
    <rPh sb="1" eb="3">
      <t>ネンド</t>
    </rPh>
    <rPh sb="3" eb="5">
      <t>クリコシ</t>
    </rPh>
    <rPh sb="5" eb="6">
      <t>ガク</t>
    </rPh>
    <phoneticPr fontId="8"/>
  </si>
  <si>
    <t>不用額</t>
    <rPh sb="0" eb="2">
      <t>フヨウ</t>
    </rPh>
    <rPh sb="2" eb="3">
      <t>ガク</t>
    </rPh>
    <phoneticPr fontId="8"/>
  </si>
  <si>
    <t>予算現額と
支出済額との
比較</t>
    <rPh sb="0" eb="2">
      <t>ヨサン</t>
    </rPh>
    <rPh sb="2" eb="3">
      <t>ゲン</t>
    </rPh>
    <rPh sb="3" eb="4">
      <t>ガク</t>
    </rPh>
    <rPh sb="6" eb="8">
      <t>シシュツ</t>
    </rPh>
    <rPh sb="8" eb="9">
      <t>ズミ</t>
    </rPh>
    <rPh sb="9" eb="10">
      <t>ガク</t>
    </rPh>
    <rPh sb="13" eb="15">
      <t>ヒカク</t>
    </rPh>
    <phoneticPr fontId="8"/>
  </si>
  <si>
    <t>議会費</t>
  </si>
  <si>
    <t>3,628,558,000</t>
  </si>
  <si>
    <t>3,504,448,803</t>
  </si>
  <si>
    <t>124,109,197</t>
  </si>
  <si>
    <t>総務費</t>
  </si>
  <si>
    <t>421,350,983,574</t>
  </si>
  <si>
    <t>412,656,871,076</t>
  </si>
  <si>
    <t>1,770,514,273</t>
  </si>
  <si>
    <t>6,923,598,225</t>
  </si>
  <si>
    <t>8,694,112,498</t>
  </si>
  <si>
    <t>政策費</t>
  </si>
  <si>
    <t>18,978,169,000</t>
  </si>
  <si>
    <t>16,057,843,301</t>
  </si>
  <si>
    <t>73,129,000</t>
  </si>
  <si>
    <t>2,847,196,699</t>
  </si>
  <si>
    <t>2,920,325,699</t>
  </si>
  <si>
    <t>市町村振興費</t>
  </si>
  <si>
    <t>3,012,295,000</t>
  </si>
  <si>
    <t>2,992,506,423</t>
  </si>
  <si>
    <t>19,788,577</t>
  </si>
  <si>
    <t>選挙費</t>
  </si>
  <si>
    <t>59,804,913</t>
  </si>
  <si>
    <t>47,978,098</t>
  </si>
  <si>
    <t>11,826,815</t>
  </si>
  <si>
    <t>渉外費</t>
  </si>
  <si>
    <t>21,289,000</t>
  </si>
  <si>
    <t>19,565,761</t>
  </si>
  <si>
    <t>1,723,239</t>
  </si>
  <si>
    <t>統計調査費</t>
  </si>
  <si>
    <t>4,571,806,000</t>
  </si>
  <si>
    <t>4,256,600,046</t>
  </si>
  <si>
    <t>315,205,954</t>
  </si>
  <si>
    <t>総務管理費</t>
  </si>
  <si>
    <t>98,477,102,961</t>
  </si>
  <si>
    <t>97,078,324,332</t>
  </si>
  <si>
    <t>189,995,200</t>
  </si>
  <si>
    <t>1,208,783,429</t>
  </si>
  <si>
    <t>1,398,778,629</t>
  </si>
  <si>
    <t>徴税費</t>
  </si>
  <si>
    <t>274,870,717,000</t>
  </si>
  <si>
    <t>273,879,219,150</t>
  </si>
  <si>
    <t>991,497,850</t>
  </si>
  <si>
    <t>安全防災費</t>
  </si>
  <si>
    <t>6,079,137,000</t>
  </si>
  <si>
    <t>5,248,832,989</t>
  </si>
  <si>
    <t>5,500,000</t>
  </si>
  <si>
    <t>824,804,011</t>
  </si>
  <si>
    <t>830,304,011</t>
  </si>
  <si>
    <t>国際文化観光費</t>
  </si>
  <si>
    <t>8,424,852,700</t>
  </si>
  <si>
    <t>6,762,186,630</t>
  </si>
  <si>
    <t>1,497,985,073</t>
  </si>
  <si>
    <t>164,680,997</t>
  </si>
  <si>
    <t>1,662,666,070</t>
  </si>
  <si>
    <t>スポーツ費</t>
  </si>
  <si>
    <t>5,701,058,000</t>
  </si>
  <si>
    <t>5,207,960,826</t>
  </si>
  <si>
    <t>3,905,000</t>
  </si>
  <si>
    <t>489,192,174</t>
  </si>
  <si>
    <t>493,097,174</t>
  </si>
  <si>
    <t>青少年費</t>
  </si>
  <si>
    <t>378,743,000</t>
  </si>
  <si>
    <t>360,316,603</t>
  </si>
  <si>
    <t>18,426,397</t>
  </si>
  <si>
    <t>人事委員会費</t>
  </si>
  <si>
    <t>339,630,000</t>
  </si>
  <si>
    <t>330,220,282</t>
  </si>
  <si>
    <t>9,409,718</t>
  </si>
  <si>
    <t>監査委員費</t>
  </si>
  <si>
    <t>436,379,000</t>
  </si>
  <si>
    <t>415,316,635</t>
  </si>
  <si>
    <t>21,062,365</t>
  </si>
  <si>
    <t>環境費</t>
  </si>
  <si>
    <t>11,180,413,507</t>
  </si>
  <si>
    <t>10,776,124,553</t>
  </si>
  <si>
    <t>280,797,389</t>
  </si>
  <si>
    <t>123,491,565</t>
  </si>
  <si>
    <t>404,288,954</t>
  </si>
  <si>
    <t>環境管理費</t>
  </si>
  <si>
    <t>7,886,212,000</t>
  </si>
  <si>
    <t>7,857,228,780</t>
  </si>
  <si>
    <t>1,782,000</t>
  </si>
  <si>
    <t>27,201,220</t>
  </si>
  <si>
    <t>28,983,220</t>
  </si>
  <si>
    <t>環境保全対策費</t>
  </si>
  <si>
    <t>1,850,827,000</t>
  </si>
  <si>
    <t>1,567,213,640</t>
  </si>
  <si>
    <t>236,692,900</t>
  </si>
  <si>
    <t>46,920,460</t>
  </si>
  <si>
    <t>283,613,360</t>
  </si>
  <si>
    <t>自然保護費</t>
  </si>
  <si>
    <t>1,443,374,507</t>
  </si>
  <si>
    <t>1,351,682,133</t>
  </si>
  <si>
    <t>42,322,489</t>
  </si>
  <si>
    <t>49,369,885</t>
  </si>
  <si>
    <t>91,692,374</t>
  </si>
  <si>
    <t>民生費</t>
  </si>
  <si>
    <t>414,967,386,200</t>
  </si>
  <si>
    <t>386,615,017,378</t>
  </si>
  <si>
    <t>14,222,086,226</t>
  </si>
  <si>
    <t>14,130,282,596</t>
  </si>
  <si>
    <t>28,352,368,822</t>
  </si>
  <si>
    <t>社会福祉費</t>
  </si>
  <si>
    <t>16,256,091,000</t>
  </si>
  <si>
    <t>15,975,641,628</t>
  </si>
  <si>
    <t>21,732,000</t>
  </si>
  <si>
    <t>258,717,372</t>
  </si>
  <si>
    <t>280,449,372</t>
  </si>
  <si>
    <t>障害福祉費</t>
  </si>
  <si>
    <t>82,664,115,400</t>
  </si>
  <si>
    <t>73,901,400,940</t>
  </si>
  <si>
    <t>2,046,953,845</t>
  </si>
  <si>
    <t>6,715,760,615</t>
  </si>
  <si>
    <t>8,762,714,460</t>
  </si>
  <si>
    <t>老人福祉費</t>
  </si>
  <si>
    <t>134,724,874,000</t>
  </si>
  <si>
    <t>129,698,257,559</t>
  </si>
  <si>
    <t>2,512,827,381</t>
  </si>
  <si>
    <t>2,513,789,060</t>
  </si>
  <si>
    <t>5,026,616,441</t>
  </si>
  <si>
    <t>生活保護費</t>
  </si>
  <si>
    <t>78,150,905,000</t>
  </si>
  <si>
    <t>68,307,945,594</t>
  </si>
  <si>
    <t>9,609,380,000</t>
  </si>
  <si>
    <t>233,579,406</t>
  </si>
  <si>
    <t>9,842,959,406</t>
  </si>
  <si>
    <t>児童福祉費</t>
  </si>
  <si>
    <t>103,171,400,800</t>
  </si>
  <si>
    <t>98,731,771,657</t>
  </si>
  <si>
    <t>31,193,000</t>
  </si>
  <si>
    <t>4,408,436,143</t>
  </si>
  <si>
    <t>4,439,629,143</t>
  </si>
  <si>
    <t>衛生費</t>
  </si>
  <si>
    <t>457,541,575,200</t>
  </si>
  <si>
    <t>387,596,654,002</t>
  </si>
  <si>
    <t>3,117,557,000</t>
  </si>
  <si>
    <t>66,827,364,198</t>
  </si>
  <si>
    <t>69,944,921,198</t>
  </si>
  <si>
    <t>公衆衛生費</t>
  </si>
  <si>
    <t>278,391,065,400</t>
  </si>
  <si>
    <t>210,526,241,832</t>
  </si>
  <si>
    <t>2,797,328,000</t>
  </si>
  <si>
    <t>65,067,495,568</t>
  </si>
  <si>
    <t>67,864,823,568</t>
  </si>
  <si>
    <t>環境衛生費</t>
  </si>
  <si>
    <t>1,267,549,000</t>
  </si>
  <si>
    <t>1,226,059,222</t>
  </si>
  <si>
    <t>41,489,778</t>
  </si>
  <si>
    <t>保健所費</t>
  </si>
  <si>
    <t>353,306,800</t>
  </si>
  <si>
    <t>343,092,432</t>
  </si>
  <si>
    <t>10,214,368</t>
  </si>
  <si>
    <t>医薬費</t>
  </si>
  <si>
    <t>162,515,176,000</t>
  </si>
  <si>
    <t>160,844,473,075</t>
  </si>
  <si>
    <t>1,723,000</t>
  </si>
  <si>
    <t>1,668,979,925</t>
  </si>
  <si>
    <t>1,670,702,925</t>
  </si>
  <si>
    <t>病院費</t>
  </si>
  <si>
    <t>15,014,478,000</t>
  </si>
  <si>
    <t>14,656,787,441</t>
  </si>
  <si>
    <t>318,506,000</t>
  </si>
  <si>
    <t>39,184,559</t>
  </si>
  <si>
    <t>357,690,559</t>
  </si>
  <si>
    <t>労働費</t>
  </si>
  <si>
    <t>7,830,375,000</t>
  </si>
  <si>
    <t>6,647,574,496</t>
  </si>
  <si>
    <t>630,453,347</t>
  </si>
  <si>
    <t>552,347,157</t>
  </si>
  <si>
    <t>1,182,800,504</t>
  </si>
  <si>
    <t>労政費</t>
  </si>
  <si>
    <t>5,394,728,000</t>
  </si>
  <si>
    <t>4,504,386,310</t>
  </si>
  <si>
    <t>619,793,627</t>
  </si>
  <si>
    <t>270,548,063</t>
  </si>
  <si>
    <t>890,341,690</t>
  </si>
  <si>
    <t>職業訓練費</t>
  </si>
  <si>
    <t>1,950,312,000</t>
  </si>
  <si>
    <t>1,720,774,066</t>
  </si>
  <si>
    <t>5,659,720</t>
  </si>
  <si>
    <t>223,878,214</t>
  </si>
  <si>
    <t>229,537,934</t>
  </si>
  <si>
    <t>雇用対策費</t>
  </si>
  <si>
    <t>214,507,000</t>
  </si>
  <si>
    <t>202,751,510</t>
  </si>
  <si>
    <t>5,000,000</t>
  </si>
  <si>
    <t>6,755,490</t>
  </si>
  <si>
    <t>11,755,490</t>
  </si>
  <si>
    <t>労働委員会費</t>
  </si>
  <si>
    <t>270,828,000</t>
  </si>
  <si>
    <t>219,662,610</t>
  </si>
  <si>
    <t>51,165,390</t>
  </si>
  <si>
    <t>農林水産業費</t>
  </si>
  <si>
    <t>19,244,348,184</t>
  </si>
  <si>
    <t>15,350,261,859</t>
  </si>
  <si>
    <t>3,438,854,266</t>
  </si>
  <si>
    <t>455,232,059</t>
  </si>
  <si>
    <t>3,894,086,325</t>
  </si>
  <si>
    <t>農業費</t>
  </si>
  <si>
    <t>1,711,748,000</t>
  </si>
  <si>
    <t>1,563,682,650</t>
  </si>
  <si>
    <t>13,931,000</t>
  </si>
  <si>
    <t>134,134,350</t>
  </si>
  <si>
    <t>148,065,350</t>
  </si>
  <si>
    <t>畜産業費</t>
  </si>
  <si>
    <t>1,049,846,000</t>
  </si>
  <si>
    <t>939,667,371</t>
  </si>
  <si>
    <t>110,178,629</t>
  </si>
  <si>
    <t>農地費</t>
  </si>
  <si>
    <t>3,419,124,330</t>
  </si>
  <si>
    <t>2,350,284,320</t>
  </si>
  <si>
    <t>1,053,576,306</t>
  </si>
  <si>
    <t>15,263,704</t>
  </si>
  <si>
    <t>1,068,840,010</t>
  </si>
  <si>
    <t>林業費</t>
  </si>
  <si>
    <t>9,800,542,900</t>
  </si>
  <si>
    <t>8,354,235,432</t>
  </si>
  <si>
    <t>1,325,050,700</t>
  </si>
  <si>
    <t>121,256,768</t>
  </si>
  <si>
    <t>1,446,307,468</t>
  </si>
  <si>
    <t>水産業費</t>
  </si>
  <si>
    <t>3,263,086,954</t>
  </si>
  <si>
    <t>2,142,392,086</t>
  </si>
  <si>
    <t>1,046,296,260</t>
  </si>
  <si>
    <t>74,398,608</t>
  </si>
  <si>
    <t>1,120,694,868</t>
  </si>
  <si>
    <t>商工費</t>
  </si>
  <si>
    <t>311,277,093,000</t>
  </si>
  <si>
    <t>86,089,099,300</t>
  </si>
  <si>
    <t>165,476,842,992</t>
  </si>
  <si>
    <t>59,711,150,708</t>
  </si>
  <si>
    <t>225,187,993,700</t>
  </si>
  <si>
    <t>商工総務費</t>
  </si>
  <si>
    <t>294,156,445,000</t>
  </si>
  <si>
    <t>72,750,153,177</t>
  </si>
  <si>
    <t>164,753,102,447</t>
  </si>
  <si>
    <t>56,653,189,376</t>
  </si>
  <si>
    <t>221,406,291,823</t>
  </si>
  <si>
    <t>工業費</t>
  </si>
  <si>
    <t>6,813,574,000</t>
  </si>
  <si>
    <t>5,857,004,445</t>
  </si>
  <si>
    <t>723,740,545</t>
  </si>
  <si>
    <t>232,829,010</t>
  </si>
  <si>
    <t>956,569,555</t>
  </si>
  <si>
    <t>商工金融費</t>
  </si>
  <si>
    <t>10,307,074,000</t>
  </si>
  <si>
    <t>7,481,941,678</t>
  </si>
  <si>
    <t>2,825,132,322</t>
  </si>
  <si>
    <t>土木費</t>
  </si>
  <si>
    <t>149,931,257,246</t>
  </si>
  <si>
    <t>108,414,470,949</t>
  </si>
  <si>
    <t>38,300,705,444</t>
  </si>
  <si>
    <t>3,216,080,853</t>
  </si>
  <si>
    <t>41,516,786,297</t>
  </si>
  <si>
    <t>土木管理費</t>
  </si>
  <si>
    <t>10,677,454,100</t>
  </si>
  <si>
    <t>10,463,083,904</t>
  </si>
  <si>
    <t>27,690,000</t>
  </si>
  <si>
    <t>186,680,196</t>
  </si>
  <si>
    <t>214,370,196</t>
  </si>
  <si>
    <t>道路橋りょう費</t>
  </si>
  <si>
    <t>53,338,101,520</t>
  </si>
  <si>
    <t>39,946,142,080</t>
  </si>
  <si>
    <t>11,681,066,531</t>
  </si>
  <si>
    <t>1,710,892,909</t>
  </si>
  <si>
    <t>13,391,959,440</t>
  </si>
  <si>
    <t>河川海岸費</t>
  </si>
  <si>
    <t>43,130,177,365</t>
  </si>
  <si>
    <t>25,417,926,455</t>
  </si>
  <si>
    <t>17,339,368,825</t>
  </si>
  <si>
    <t>372,882,085</t>
  </si>
  <si>
    <t>17,712,250,910</t>
  </si>
  <si>
    <t>砂防費</t>
  </si>
  <si>
    <t>14,983,733,134</t>
  </si>
  <si>
    <t>7,766,168,811</t>
  </si>
  <si>
    <t>6,981,496,060</t>
  </si>
  <si>
    <t>236,068,263</t>
  </si>
  <si>
    <t>7,217,564,323</t>
  </si>
  <si>
    <t>港湾費</t>
  </si>
  <si>
    <t>2,025,899,726</t>
  </si>
  <si>
    <t>1,519,097,329</t>
  </si>
  <si>
    <t>430,535,768</t>
  </si>
  <si>
    <t>76,266,629</t>
  </si>
  <si>
    <t>506,802,397</t>
  </si>
  <si>
    <t>都市行政費</t>
  </si>
  <si>
    <t>5,911,011,000</t>
  </si>
  <si>
    <t>5,708,949,618</t>
  </si>
  <si>
    <t>54,894,000</t>
  </si>
  <si>
    <t>147,167,382</t>
  </si>
  <si>
    <t>202,061,382</t>
  </si>
  <si>
    <t>都市計画費</t>
  </si>
  <si>
    <t>9,498,925,200</t>
  </si>
  <si>
    <t>7,623,889,456</t>
  </si>
  <si>
    <t>1,785,654,260</t>
  </si>
  <si>
    <t>89,381,484</t>
  </si>
  <si>
    <t>1,875,035,744</t>
  </si>
  <si>
    <t>下水道費</t>
  </si>
  <si>
    <t>3,522,008,000</t>
  </si>
  <si>
    <t>3,426,134,214</t>
  </si>
  <si>
    <t>95,873,786</t>
  </si>
  <si>
    <t>住宅費</t>
  </si>
  <si>
    <t>6,843,947,201</t>
  </si>
  <si>
    <t>6,543,079,082</t>
  </si>
  <si>
    <t>300,868,119</t>
  </si>
  <si>
    <t>警察費</t>
  </si>
  <si>
    <t>197,017,507,114</t>
  </si>
  <si>
    <t>195,059,039,700</t>
  </si>
  <si>
    <t>1,375,542,273</t>
  </si>
  <si>
    <t>582,925,141</t>
  </si>
  <si>
    <t>1,958,467,414</t>
  </si>
  <si>
    <t>警察管理費</t>
  </si>
  <si>
    <t>188,577,796,494</t>
  </si>
  <si>
    <t>186,732,933,957</t>
  </si>
  <si>
    <t>1,359,312,653</t>
  </si>
  <si>
    <t>485,549,884</t>
  </si>
  <si>
    <t>1,844,862,537</t>
  </si>
  <si>
    <t>警察活動費</t>
  </si>
  <si>
    <t>8,439,710,620</t>
  </si>
  <si>
    <t>8,326,105,743</t>
  </si>
  <si>
    <t>16,229,620</t>
  </si>
  <si>
    <t>97,375,257</t>
  </si>
  <si>
    <t>113,604,877</t>
  </si>
  <si>
    <t>教育費</t>
  </si>
  <si>
    <t>402,775,322,000</t>
  </si>
  <si>
    <t>388,858,440,788</t>
  </si>
  <si>
    <t>7,249,255,720</t>
  </si>
  <si>
    <t>6,667,625,492</t>
  </si>
  <si>
    <t>13,916,881,212</t>
  </si>
  <si>
    <t>教育総務費</t>
  </si>
  <si>
    <t>24,873,128,000</t>
  </si>
  <si>
    <t>22,492,080,139</t>
  </si>
  <si>
    <t>1,304,839,050</t>
  </si>
  <si>
    <t>1,076,208,811</t>
  </si>
  <si>
    <t>2,381,047,861</t>
  </si>
  <si>
    <t>小学校費</t>
  </si>
  <si>
    <t>81,383,999,000</t>
  </si>
  <si>
    <t>80,973,529,769</t>
  </si>
  <si>
    <t>410,469,231</t>
  </si>
  <si>
    <t>中学校費</t>
  </si>
  <si>
    <t>50,048,518,000</t>
  </si>
  <si>
    <t>49,596,642,146</t>
  </si>
  <si>
    <t>451,875,854</t>
  </si>
  <si>
    <t>高等学校費</t>
  </si>
  <si>
    <t>132,078,357,400</t>
  </si>
  <si>
    <t>124,954,107,151</t>
  </si>
  <si>
    <t>4,683,027,900</t>
  </si>
  <si>
    <t>2,441,222,349</t>
  </si>
  <si>
    <t>7,124,250,249</t>
  </si>
  <si>
    <t>特別支援学校費</t>
  </si>
  <si>
    <t>40,866,956,000</t>
  </si>
  <si>
    <t>39,393,833,435</t>
  </si>
  <si>
    <t>725,856,770</t>
  </si>
  <si>
    <t>747,265,795</t>
  </si>
  <si>
    <t>1,473,122,565</t>
  </si>
  <si>
    <t>社会教育費</t>
  </si>
  <si>
    <t>2,293,694,000</t>
  </si>
  <si>
    <t>1,953,463,694</t>
  </si>
  <si>
    <t>199,498,000</t>
  </si>
  <si>
    <t>140,732,306</t>
  </si>
  <si>
    <t>340,230,306</t>
  </si>
  <si>
    <t>保健体育費</t>
  </si>
  <si>
    <t>640,946,600</t>
  </si>
  <si>
    <t>573,899,401</t>
  </si>
  <si>
    <t>67,047,199</t>
  </si>
  <si>
    <t>私学振興費</t>
  </si>
  <si>
    <t>67,037,288,000</t>
  </si>
  <si>
    <t>65,387,716,023</t>
  </si>
  <si>
    <t>336,034,000</t>
  </si>
  <si>
    <t>1,313,537,977</t>
  </si>
  <si>
    <t>1,649,571,977</t>
  </si>
  <si>
    <t>大学費</t>
  </si>
  <si>
    <t>3,552,435,000</t>
  </si>
  <si>
    <t>3,533,169,030</t>
  </si>
  <si>
    <t>19,265,970</t>
  </si>
  <si>
    <t>災害復旧費</t>
  </si>
  <si>
    <t>9,761,441,389</t>
  </si>
  <si>
    <t>5,490,024,059</t>
  </si>
  <si>
    <t>2,877,233,074</t>
  </si>
  <si>
    <t>1,394,184,256</t>
  </si>
  <si>
    <t>4,271,417,330</t>
  </si>
  <si>
    <t>農林水産施設
災害復旧費</t>
    <phoneticPr fontId="1"/>
  </si>
  <si>
    <t>3,593,178,094</t>
  </si>
  <si>
    <t>1,849,745,338</t>
  </si>
  <si>
    <t>1,048,007,141</t>
  </si>
  <si>
    <t>695,425,615</t>
  </si>
  <si>
    <t>1,743,432,756</t>
  </si>
  <si>
    <t>公共土木施設
災害復旧費</t>
    <phoneticPr fontId="1"/>
  </si>
  <si>
    <t>6,168,263,295</t>
  </si>
  <si>
    <t>3,640,278,721</t>
  </si>
  <si>
    <t>1,829,225,933</t>
  </si>
  <si>
    <t>698,758,641</t>
  </si>
  <si>
    <t>2,527,984,574</t>
  </si>
  <si>
    <t>公債費</t>
  </si>
  <si>
    <t>293,826,016,000</t>
  </si>
  <si>
    <t>293,650,829,008</t>
  </si>
  <si>
    <t>175,186,992</t>
  </si>
  <si>
    <t>諸支出金</t>
  </si>
  <si>
    <t>11,470,000</t>
  </si>
  <si>
    <t>8,899,251</t>
  </si>
  <si>
    <t>2,570,749</t>
  </si>
  <si>
    <t>普通財産取得費</t>
  </si>
  <si>
    <t>15</t>
  </si>
  <si>
    <t>予備費</t>
  </si>
  <si>
    <t>718,430,000</t>
  </si>
  <si>
    <t>歳出合計</t>
    <rPh sb="0" eb="2">
      <t>サイシュツ</t>
    </rPh>
    <rPh sb="2" eb="4">
      <t>ゴウケイ</t>
    </rPh>
    <phoneticPr fontId="8"/>
  </si>
  <si>
    <t>2,300,717,755,222</t>
  </si>
  <si>
    <t>238,739,842,004</t>
  </si>
  <si>
    <t>161,604,579,188</t>
  </si>
  <si>
    <t>400,344,421,192</t>
  </si>
  <si>
    <t>歳入歳出差引残額</t>
    <phoneticPr fontId="1"/>
  </si>
  <si>
    <t>206,849,339,643円</t>
    <phoneticPr fontId="1"/>
  </si>
  <si>
    <t>　うち基金繰入額</t>
    <phoneticPr fontId="1"/>
  </si>
  <si>
    <t>0円</t>
  </si>
  <si>
    <t>神奈川県知事      黒　　岩　　祐　　治</t>
  </si>
  <si>
    <t>　令和 ３ 年 ９ 月 27 日　提出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7"/>
      <name val="ＭＳ 明朝"/>
      <family val="1"/>
      <charset val="128"/>
    </font>
    <font>
      <sz val="14"/>
      <name val="ＭＳ 明朝"/>
      <family val="1"/>
      <charset val="128"/>
    </font>
    <font>
      <sz val="13"/>
      <name val="ＭＳ ゴシック"/>
      <family val="3"/>
      <charset val="128"/>
    </font>
    <font>
      <sz val="14"/>
      <name val="ＭＳ ゴシック"/>
      <family val="3"/>
      <charset val="128"/>
    </font>
    <font>
      <sz val="8"/>
      <name val="ＭＳ ゴシック"/>
      <family val="3"/>
      <charset val="128"/>
    </font>
    <font>
      <sz val="8"/>
      <name val="ＭＳ 明朝"/>
      <family val="1"/>
      <charset val="128"/>
    </font>
    <font>
      <sz val="6"/>
      <name val="ＭＳ Ｐゴシック"/>
      <family val="3"/>
      <charset val="128"/>
    </font>
    <font>
      <sz val="8"/>
      <name val="ＭＳ　ゴシック"/>
      <family val="3"/>
      <charset val="128"/>
    </font>
    <font>
      <sz val="7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14">
    <xf numFmtId="0" fontId="0" fillId="0" borderId="0" xfId="0"/>
    <xf numFmtId="0" fontId="0" fillId="0" borderId="0" xfId="0" applyFont="1"/>
    <xf numFmtId="49" fontId="3" fillId="0" borderId="0" xfId="0" applyNumberFormat="1" applyFont="1" applyBorder="1" applyAlignment="1">
      <alignment vertical="center"/>
    </xf>
    <xf numFmtId="49" fontId="3" fillId="0" borderId="0" xfId="0" applyNumberFormat="1" applyFont="1" applyAlignment="1">
      <alignment vertical="center"/>
    </xf>
    <xf numFmtId="0" fontId="3" fillId="0" borderId="0" xfId="0" applyFont="1" applyBorder="1" applyAlignment="1" applyProtection="1">
      <alignment vertical="top"/>
    </xf>
    <xf numFmtId="49" fontId="4" fillId="0" borderId="0" xfId="0" applyNumberFormat="1" applyFont="1" applyBorder="1" applyAlignment="1">
      <alignment vertical="center"/>
    </xf>
    <xf numFmtId="49" fontId="5" fillId="0" borderId="0" xfId="0" applyNumberFormat="1" applyFont="1" applyBorder="1" applyAlignment="1">
      <alignment vertical="center"/>
    </xf>
    <xf numFmtId="49" fontId="6" fillId="0" borderId="0" xfId="0" applyNumberFormat="1" applyFont="1" applyBorder="1" applyAlignment="1">
      <alignment horizontal="right" vertical="center"/>
    </xf>
    <xf numFmtId="49" fontId="7" fillId="0" borderId="0" xfId="0" applyNumberFormat="1" applyFont="1" applyBorder="1" applyAlignment="1">
      <alignment vertical="center"/>
    </xf>
    <xf numFmtId="49" fontId="7" fillId="0" borderId="0" xfId="0" applyNumberFormat="1" applyFont="1" applyAlignment="1">
      <alignment vertical="center"/>
    </xf>
    <xf numFmtId="0" fontId="7" fillId="0" borderId="0" xfId="0" applyFont="1" applyBorder="1" applyAlignment="1" applyProtection="1">
      <alignment vertical="center"/>
    </xf>
    <xf numFmtId="0" fontId="7" fillId="0" borderId="0" xfId="0" applyFont="1"/>
    <xf numFmtId="49" fontId="7" fillId="0" borderId="7" xfId="0" applyNumberFormat="1" applyFont="1" applyBorder="1" applyAlignment="1">
      <alignment horizontal="right" vertical="center"/>
    </xf>
    <xf numFmtId="49" fontId="7" fillId="0" borderId="8" xfId="0" applyNumberFormat="1" applyFont="1" applyBorder="1" applyAlignment="1">
      <alignment horizontal="left" vertical="center"/>
    </xf>
    <xf numFmtId="49" fontId="7" fillId="0" borderId="9" xfId="0" applyNumberFormat="1" applyFont="1" applyBorder="1" applyAlignment="1">
      <alignment horizontal="left" vertical="center"/>
    </xf>
    <xf numFmtId="49" fontId="7" fillId="0" borderId="2" xfId="0" applyNumberFormat="1" applyFont="1" applyBorder="1" applyAlignment="1">
      <alignment horizontal="right" vertical="center"/>
    </xf>
    <xf numFmtId="49" fontId="7" fillId="0" borderId="10" xfId="0" applyNumberFormat="1" applyFont="1" applyBorder="1" applyAlignment="1">
      <alignment horizontal="left" vertical="center"/>
    </xf>
    <xf numFmtId="49" fontId="7" fillId="0" borderId="9" xfId="0" applyNumberFormat="1" applyFont="1" applyBorder="1" applyAlignment="1">
      <alignment horizontal="right" vertical="center"/>
    </xf>
    <xf numFmtId="49" fontId="7" fillId="0" borderId="10" xfId="0" applyNumberFormat="1" applyFont="1" applyBorder="1" applyAlignment="1">
      <alignment horizontal="right" vertical="center"/>
    </xf>
    <xf numFmtId="49" fontId="7" fillId="0" borderId="11" xfId="0" applyNumberFormat="1" applyFont="1" applyBorder="1" applyAlignment="1">
      <alignment horizontal="right" vertical="center"/>
    </xf>
    <xf numFmtId="49" fontId="7" fillId="0" borderId="12" xfId="0" applyNumberFormat="1" applyFont="1" applyBorder="1" applyAlignment="1">
      <alignment horizontal="right" vertical="center"/>
    </xf>
    <xf numFmtId="49" fontId="7" fillId="0" borderId="0" xfId="0" applyNumberFormat="1" applyFont="1" applyBorder="1" applyAlignment="1">
      <alignment horizontal="left" vertical="center"/>
    </xf>
    <xf numFmtId="49" fontId="7" fillId="0" borderId="13" xfId="0" applyNumberFormat="1" applyFont="1" applyBorder="1" applyAlignment="1">
      <alignment horizontal="left" vertical="center"/>
    </xf>
    <xf numFmtId="49" fontId="7" fillId="0" borderId="14" xfId="0" applyNumberFormat="1" applyFont="1" applyBorder="1" applyAlignment="1">
      <alignment horizontal="right" vertical="center" shrinkToFit="1"/>
    </xf>
    <xf numFmtId="49" fontId="7" fillId="0" borderId="15" xfId="0" applyNumberFormat="1" applyFont="1" applyBorder="1" applyAlignment="1">
      <alignment horizontal="right" vertical="center"/>
    </xf>
    <xf numFmtId="49" fontId="7" fillId="0" borderId="13" xfId="0" applyNumberFormat="1" applyFont="1" applyBorder="1" applyAlignment="1">
      <alignment horizontal="right" vertical="center" shrinkToFit="1"/>
    </xf>
    <xf numFmtId="49" fontId="7" fillId="0" borderId="16" xfId="0" applyNumberFormat="1" applyFont="1" applyBorder="1" applyAlignment="1">
      <alignment horizontal="right" vertical="center" shrinkToFit="1"/>
    </xf>
    <xf numFmtId="49" fontId="9" fillId="0" borderId="12" xfId="0" applyNumberFormat="1" applyFont="1" applyBorder="1" applyAlignment="1">
      <alignment horizontal="right" vertical="center"/>
    </xf>
    <xf numFmtId="49" fontId="9" fillId="0" borderId="0" xfId="0" applyNumberFormat="1" applyFont="1" applyBorder="1" applyAlignment="1">
      <alignment horizontal="distributed" vertical="center"/>
    </xf>
    <xf numFmtId="49" fontId="9" fillId="0" borderId="14" xfId="0" applyNumberFormat="1" applyFont="1" applyBorder="1" applyAlignment="1">
      <alignment horizontal="right" vertical="center" shrinkToFit="1"/>
    </xf>
    <xf numFmtId="49" fontId="9" fillId="0" borderId="15" xfId="0" applyNumberFormat="1" applyFont="1" applyBorder="1" applyAlignment="1">
      <alignment horizontal="left" vertical="center" wrapText="1"/>
    </xf>
    <xf numFmtId="49" fontId="9" fillId="0" borderId="13" xfId="0" applyNumberFormat="1" applyFont="1" applyBorder="1" applyAlignment="1">
      <alignment horizontal="right" vertical="center" wrapText="1"/>
    </xf>
    <xf numFmtId="49" fontId="9" fillId="0" borderId="15" xfId="0" applyNumberFormat="1" applyFont="1" applyBorder="1" applyAlignment="1">
      <alignment horizontal="right" vertical="center"/>
    </xf>
    <xf numFmtId="49" fontId="9" fillId="0" borderId="13" xfId="0" applyNumberFormat="1" applyFont="1" applyBorder="1" applyAlignment="1">
      <alignment horizontal="right" vertical="center" shrinkToFit="1"/>
    </xf>
    <xf numFmtId="49" fontId="9" fillId="0" borderId="16" xfId="0" applyNumberFormat="1" applyFont="1" applyBorder="1" applyAlignment="1">
      <alignment horizontal="right" vertical="center" shrinkToFit="1"/>
    </xf>
    <xf numFmtId="49" fontId="7" fillId="0" borderId="13" xfId="0" applyNumberFormat="1" applyFont="1" applyBorder="1" applyAlignment="1">
      <alignment horizontal="distributed" vertical="center"/>
    </xf>
    <xf numFmtId="49" fontId="7" fillId="0" borderId="15" xfId="0" applyNumberFormat="1" applyFont="1" applyBorder="1" applyAlignment="1">
      <alignment horizontal="left" vertical="center" wrapText="1"/>
    </xf>
    <xf numFmtId="49" fontId="7" fillId="0" borderId="13" xfId="0" applyNumberFormat="1" applyFont="1" applyBorder="1" applyAlignment="1">
      <alignment horizontal="right" vertical="center" wrapText="1"/>
    </xf>
    <xf numFmtId="49" fontId="7" fillId="0" borderId="24" xfId="0" applyNumberFormat="1" applyFont="1" applyBorder="1" applyAlignment="1">
      <alignment horizontal="distributed" vertical="center"/>
    </xf>
    <xf numFmtId="49" fontId="7" fillId="0" borderId="25" xfId="0" applyNumberFormat="1" applyFont="1" applyBorder="1" applyAlignment="1">
      <alignment horizontal="right" vertical="center" shrinkToFit="1"/>
    </xf>
    <xf numFmtId="49" fontId="7" fillId="0" borderId="26" xfId="0" applyNumberFormat="1" applyFont="1" applyBorder="1" applyAlignment="1">
      <alignment horizontal="left" vertical="center" wrapText="1"/>
    </xf>
    <xf numFmtId="49" fontId="7" fillId="0" borderId="24" xfId="0" applyNumberFormat="1" applyFont="1" applyBorder="1" applyAlignment="1">
      <alignment horizontal="right" vertical="center" wrapText="1"/>
    </xf>
    <xf numFmtId="49" fontId="7" fillId="0" borderId="26" xfId="0" applyNumberFormat="1" applyFont="1" applyBorder="1" applyAlignment="1">
      <alignment horizontal="right" vertical="center"/>
    </xf>
    <xf numFmtId="49" fontId="7" fillId="0" borderId="24" xfId="0" applyNumberFormat="1" applyFont="1" applyBorder="1" applyAlignment="1">
      <alignment horizontal="right" vertical="center" shrinkToFit="1"/>
    </xf>
    <xf numFmtId="49" fontId="7" fillId="0" borderId="27" xfId="0" applyNumberFormat="1" applyFont="1" applyBorder="1" applyAlignment="1">
      <alignment horizontal="right" vertical="center" shrinkToFit="1"/>
    </xf>
    <xf numFmtId="49" fontId="7" fillId="0" borderId="26" xfId="0" applyNumberFormat="1" applyFont="1" applyBorder="1" applyAlignment="1">
      <alignment horizontal="left" vertical="center"/>
    </xf>
    <xf numFmtId="49" fontId="7" fillId="0" borderId="24" xfId="0" applyNumberFormat="1" applyFont="1" applyBorder="1" applyAlignment="1">
      <alignment horizontal="right" vertical="center"/>
    </xf>
    <xf numFmtId="49" fontId="7" fillId="0" borderId="28" xfId="0" applyNumberFormat="1" applyFont="1" applyBorder="1" applyAlignment="1">
      <alignment horizontal="right" vertical="center"/>
    </xf>
    <xf numFmtId="49" fontId="7" fillId="0" borderId="29" xfId="0" applyNumberFormat="1" applyFont="1" applyBorder="1" applyAlignment="1">
      <alignment horizontal="left" vertical="center"/>
    </xf>
    <xf numFmtId="49" fontId="7" fillId="0" borderId="30" xfId="0" applyNumberFormat="1" applyFont="1" applyBorder="1" applyAlignment="1">
      <alignment horizontal="right" vertical="center"/>
    </xf>
    <xf numFmtId="49" fontId="7" fillId="0" borderId="31" xfId="0" applyNumberFormat="1" applyFont="1" applyBorder="1" applyAlignment="1">
      <alignment horizontal="distributed" vertical="center"/>
    </xf>
    <xf numFmtId="49" fontId="7" fillId="0" borderId="32" xfId="0" applyNumberFormat="1" applyFont="1" applyBorder="1" applyAlignment="1">
      <alignment horizontal="right" vertical="center" shrinkToFit="1"/>
    </xf>
    <xf numFmtId="49" fontId="7" fillId="0" borderId="30" xfId="0" applyNumberFormat="1" applyFont="1" applyBorder="1" applyAlignment="1">
      <alignment horizontal="left" vertical="center" wrapText="1"/>
    </xf>
    <xf numFmtId="49" fontId="7" fillId="0" borderId="31" xfId="0" applyNumberFormat="1" applyFont="1" applyBorder="1" applyAlignment="1">
      <alignment horizontal="right" vertical="center" wrapText="1"/>
    </xf>
    <xf numFmtId="49" fontId="7" fillId="0" borderId="31" xfId="0" applyNumberFormat="1" applyFont="1" applyBorder="1" applyAlignment="1">
      <alignment horizontal="right" vertical="center" shrinkToFit="1"/>
    </xf>
    <xf numFmtId="49" fontId="7" fillId="0" borderId="33" xfId="0" applyNumberFormat="1" applyFont="1" applyBorder="1" applyAlignment="1">
      <alignment horizontal="right" vertical="center" shrinkToFit="1"/>
    </xf>
    <xf numFmtId="49" fontId="9" fillId="0" borderId="22" xfId="0" applyNumberFormat="1" applyFont="1" applyBorder="1" applyAlignment="1">
      <alignment horizontal="right" vertical="center"/>
    </xf>
    <xf numFmtId="49" fontId="9" fillId="0" borderId="23" xfId="0" applyNumberFormat="1" applyFont="1" applyBorder="1" applyAlignment="1">
      <alignment horizontal="distributed" vertical="center"/>
    </xf>
    <xf numFmtId="49" fontId="7" fillId="0" borderId="24" xfId="0" applyNumberFormat="1" applyFont="1" applyBorder="1" applyAlignment="1">
      <alignment horizontal="left" vertical="center"/>
    </xf>
    <xf numFmtId="49" fontId="9" fillId="0" borderId="25" xfId="0" applyNumberFormat="1" applyFont="1" applyBorder="1" applyAlignment="1">
      <alignment horizontal="right" vertical="center" shrinkToFit="1"/>
    </xf>
    <xf numFmtId="49" fontId="9" fillId="0" borderId="26" xfId="0" applyNumberFormat="1" applyFont="1" applyBorder="1" applyAlignment="1">
      <alignment horizontal="left" vertical="center" wrapText="1"/>
    </xf>
    <xf numFmtId="49" fontId="9" fillId="0" borderId="24" xfId="0" applyNumberFormat="1" applyFont="1" applyBorder="1" applyAlignment="1">
      <alignment horizontal="right" vertical="center" wrapText="1"/>
    </xf>
    <xf numFmtId="49" fontId="9" fillId="0" borderId="26" xfId="0" applyNumberFormat="1" applyFont="1" applyBorder="1" applyAlignment="1">
      <alignment horizontal="right" vertical="center"/>
    </xf>
    <xf numFmtId="49" fontId="9" fillId="0" borderId="24" xfId="0" applyNumberFormat="1" applyFont="1" applyBorder="1" applyAlignment="1">
      <alignment horizontal="right" vertical="center" shrinkToFit="1"/>
    </xf>
    <xf numFmtId="49" fontId="9" fillId="0" borderId="27" xfId="0" applyNumberFormat="1" applyFont="1" applyBorder="1" applyAlignment="1">
      <alignment horizontal="right" vertical="center" shrinkToFit="1"/>
    </xf>
    <xf numFmtId="49" fontId="7" fillId="0" borderId="30" xfId="0" applyNumberFormat="1" applyFont="1" applyBorder="1" applyAlignment="1">
      <alignment horizontal="left" vertical="center"/>
    </xf>
    <xf numFmtId="49" fontId="7" fillId="0" borderId="31" xfId="0" applyNumberFormat="1" applyFont="1" applyBorder="1" applyAlignment="1">
      <alignment horizontal="right" vertical="center"/>
    </xf>
    <xf numFmtId="0" fontId="0" fillId="0" borderId="0" xfId="0" applyAlignment="1"/>
    <xf numFmtId="49" fontId="9" fillId="0" borderId="18" xfId="0" applyNumberFormat="1" applyFont="1" applyBorder="1" applyAlignment="1">
      <alignment horizontal="right" vertical="center" shrinkToFit="1"/>
    </xf>
    <xf numFmtId="49" fontId="9" fillId="0" borderId="19" xfId="0" applyNumberFormat="1" applyFont="1" applyBorder="1" applyAlignment="1">
      <alignment horizontal="left" vertical="center" wrapText="1"/>
    </xf>
    <xf numFmtId="49" fontId="9" fillId="0" borderId="20" xfId="0" applyNumberFormat="1" applyFont="1" applyBorder="1" applyAlignment="1">
      <alignment horizontal="right" vertical="center" wrapText="1"/>
    </xf>
    <xf numFmtId="49" fontId="9" fillId="0" borderId="19" xfId="0" applyNumberFormat="1" applyFont="1" applyBorder="1" applyAlignment="1">
      <alignment horizontal="right" vertical="center"/>
    </xf>
    <xf numFmtId="49" fontId="9" fillId="0" borderId="20" xfId="0" applyNumberFormat="1" applyFont="1" applyBorder="1" applyAlignment="1">
      <alignment horizontal="right" vertical="center" shrinkToFit="1"/>
    </xf>
    <xf numFmtId="49" fontId="9" fillId="0" borderId="21" xfId="0" applyNumberFormat="1" applyFont="1" applyBorder="1" applyAlignment="1">
      <alignment horizontal="right" vertical="center" shrinkToFit="1"/>
    </xf>
    <xf numFmtId="49" fontId="9" fillId="0" borderId="19" xfId="0" applyNumberFormat="1" applyFont="1" applyBorder="1" applyAlignment="1">
      <alignment horizontal="left" vertical="center"/>
    </xf>
    <xf numFmtId="49" fontId="9" fillId="0" borderId="20" xfId="0" applyNumberFormat="1" applyFont="1" applyBorder="1" applyAlignment="1">
      <alignment horizontal="right" vertical="center"/>
    </xf>
    <xf numFmtId="49" fontId="7" fillId="0" borderId="24" xfId="0" applyNumberFormat="1" applyFont="1" applyBorder="1" applyAlignment="1">
      <alignment horizontal="distributed" vertical="center" wrapText="1"/>
    </xf>
    <xf numFmtId="49" fontId="9" fillId="0" borderId="23" xfId="0" applyNumberFormat="1" applyFont="1" applyBorder="1" applyAlignment="1">
      <alignment horizontal="distributed" vertical="center" wrapText="1"/>
    </xf>
    <xf numFmtId="49" fontId="9" fillId="0" borderId="0" xfId="0" applyNumberFormat="1" applyFont="1" applyBorder="1" applyAlignment="1">
      <alignment horizontal="distributed" vertical="center" wrapText="1"/>
    </xf>
    <xf numFmtId="49" fontId="10" fillId="0" borderId="24" xfId="0" applyNumberFormat="1" applyFont="1" applyBorder="1" applyAlignment="1">
      <alignment horizontal="distributed" vertical="center" wrapText="1"/>
    </xf>
    <xf numFmtId="49" fontId="7" fillId="0" borderId="31" xfId="0" applyNumberFormat="1" applyFont="1" applyBorder="1" applyAlignment="1">
      <alignment horizontal="distributed" vertical="center" wrapText="1"/>
    </xf>
    <xf numFmtId="49" fontId="6" fillId="0" borderId="0" xfId="0" applyNumberFormat="1" applyFont="1" applyBorder="1" applyAlignment="1">
      <alignment vertical="center"/>
    </xf>
    <xf numFmtId="49" fontId="9" fillId="0" borderId="13" xfId="0" applyNumberFormat="1" applyFont="1" applyBorder="1" applyAlignment="1">
      <alignment horizontal="right" vertical="center"/>
    </xf>
    <xf numFmtId="49" fontId="9" fillId="0" borderId="16" xfId="0" applyNumberFormat="1" applyFont="1" applyBorder="1" applyAlignment="1">
      <alignment horizontal="right" vertical="center"/>
    </xf>
    <xf numFmtId="49" fontId="7" fillId="0" borderId="27" xfId="0" applyNumberFormat="1" applyFont="1" applyBorder="1" applyAlignment="1">
      <alignment horizontal="right" vertical="center"/>
    </xf>
    <xf numFmtId="49" fontId="9" fillId="0" borderId="24" xfId="0" applyNumberFormat="1" applyFont="1" applyBorder="1" applyAlignment="1">
      <alignment horizontal="right" vertical="center"/>
    </xf>
    <xf numFmtId="49" fontId="9" fillId="0" borderId="27" xfId="0" applyNumberFormat="1" applyFont="1" applyBorder="1" applyAlignment="1">
      <alignment horizontal="right" vertical="center"/>
    </xf>
    <xf numFmtId="49" fontId="7" fillId="0" borderId="33" xfId="0" applyNumberFormat="1" applyFont="1" applyBorder="1" applyAlignment="1">
      <alignment horizontal="right" vertical="center"/>
    </xf>
    <xf numFmtId="49" fontId="7" fillId="0" borderId="13" xfId="0" applyNumberFormat="1" applyFont="1" applyBorder="1" applyAlignment="1">
      <alignment horizontal="right" vertical="center"/>
    </xf>
    <xf numFmtId="49" fontId="7" fillId="0" borderId="16" xfId="0" applyNumberFormat="1" applyFont="1" applyBorder="1" applyAlignment="1">
      <alignment horizontal="right" vertical="center"/>
    </xf>
    <xf numFmtId="49" fontId="9" fillId="0" borderId="34" xfId="0" applyNumberFormat="1" applyFont="1" applyBorder="1" applyAlignment="1">
      <alignment horizontal="right" vertical="center"/>
    </xf>
    <xf numFmtId="49" fontId="9" fillId="0" borderId="35" xfId="0" applyNumberFormat="1" applyFont="1" applyBorder="1" applyAlignment="1">
      <alignment horizontal="distributed" vertical="center"/>
    </xf>
    <xf numFmtId="49" fontId="7" fillId="0" borderId="31" xfId="0" applyNumberFormat="1" applyFont="1" applyBorder="1" applyAlignment="1">
      <alignment horizontal="left" vertical="center"/>
    </xf>
    <xf numFmtId="49" fontId="9" fillId="0" borderId="31" xfId="0" applyNumberFormat="1" applyFont="1" applyBorder="1" applyAlignment="1">
      <alignment horizontal="right" vertical="center"/>
    </xf>
    <xf numFmtId="49" fontId="9" fillId="0" borderId="30" xfId="0" applyNumberFormat="1" applyFont="1" applyBorder="1" applyAlignment="1">
      <alignment horizontal="right" vertical="center"/>
    </xf>
    <xf numFmtId="49" fontId="9" fillId="0" borderId="33" xfId="0" applyNumberFormat="1" applyFont="1" applyBorder="1" applyAlignment="1">
      <alignment horizontal="right" vertical="center"/>
    </xf>
    <xf numFmtId="49" fontId="7" fillId="0" borderId="19" xfId="0" applyNumberFormat="1" applyFont="1" applyBorder="1" applyAlignment="1">
      <alignment horizontal="right" vertical="center"/>
    </xf>
    <xf numFmtId="49" fontId="9" fillId="0" borderId="21" xfId="0" applyNumberFormat="1" applyFont="1" applyBorder="1" applyAlignment="1">
      <alignment horizontal="right" vertical="center"/>
    </xf>
    <xf numFmtId="0" fontId="7" fillId="0" borderId="0" xfId="0" applyFont="1" applyAlignment="1">
      <alignment horizontal="right"/>
    </xf>
    <xf numFmtId="0" fontId="11" fillId="0" borderId="0" xfId="0" applyFont="1"/>
    <xf numFmtId="0" fontId="11" fillId="0" borderId="0" xfId="0" applyFont="1" applyAlignment="1">
      <alignment horizontal="right"/>
    </xf>
    <xf numFmtId="0" fontId="11" fillId="0" borderId="0" xfId="0" applyFont="1" applyAlignment="1">
      <alignment horizontal="left"/>
    </xf>
    <xf numFmtId="49" fontId="7" fillId="0" borderId="2" xfId="0" applyNumberFormat="1" applyFont="1" applyBorder="1" applyAlignment="1">
      <alignment horizontal="distributed" vertical="center" justifyLastLine="1"/>
    </xf>
    <xf numFmtId="49" fontId="7" fillId="0" borderId="5" xfId="0" applyNumberFormat="1" applyFont="1" applyBorder="1" applyAlignment="1">
      <alignment horizontal="distributed" vertical="center" justifyLastLine="1"/>
    </xf>
    <xf numFmtId="49" fontId="2" fillId="0" borderId="0" xfId="0" applyNumberFormat="1" applyFont="1" applyBorder="1" applyAlignment="1">
      <alignment horizontal="center" vertical="center"/>
    </xf>
    <xf numFmtId="49" fontId="7" fillId="0" borderId="1" xfId="0" applyNumberFormat="1" applyFont="1" applyBorder="1" applyAlignment="1">
      <alignment horizontal="distributed" vertical="center" justifyLastLine="1"/>
    </xf>
    <xf numFmtId="49" fontId="7" fillId="0" borderId="4" xfId="0" applyNumberFormat="1" applyFont="1" applyBorder="1" applyAlignment="1">
      <alignment horizontal="distributed" vertical="center" justifyLastLine="1"/>
    </xf>
    <xf numFmtId="49" fontId="7" fillId="0" borderId="2" xfId="0" applyNumberFormat="1" applyFont="1" applyBorder="1" applyAlignment="1">
      <alignment horizontal="distributed" vertical="center" wrapText="1"/>
    </xf>
    <xf numFmtId="49" fontId="7" fillId="0" borderId="3" xfId="0" applyNumberFormat="1" applyFont="1" applyBorder="1" applyAlignment="1">
      <alignment horizontal="distributed" vertical="center"/>
    </xf>
    <xf numFmtId="49" fontId="7" fillId="0" borderId="5" xfId="0" applyNumberFormat="1" applyFont="1" applyBorder="1" applyAlignment="1">
      <alignment horizontal="distributed" vertical="center"/>
    </xf>
    <xf numFmtId="49" fontId="7" fillId="0" borderId="6" xfId="0" applyNumberFormat="1" applyFont="1" applyBorder="1" applyAlignment="1">
      <alignment horizontal="distributed" vertical="center"/>
    </xf>
    <xf numFmtId="49" fontId="6" fillId="0" borderId="17" xfId="0" applyNumberFormat="1" applyFont="1" applyBorder="1" applyAlignment="1">
      <alignment horizontal="distributed" vertical="center" justifyLastLine="1"/>
    </xf>
    <xf numFmtId="49" fontId="6" fillId="0" borderId="18" xfId="0" applyNumberFormat="1" applyFont="1" applyBorder="1" applyAlignment="1">
      <alignment horizontal="distributed" vertical="center" justifyLastLine="1"/>
    </xf>
    <xf numFmtId="0" fontId="11" fillId="0" borderId="0" xfId="0" applyFont="1" applyAlignment="1">
      <alignment horizontal="distributed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0</xdr:colOff>
      <xdr:row>2</xdr:row>
      <xdr:rowOff>0</xdr:rowOff>
    </xdr:from>
    <xdr:to>
      <xdr:col>12</xdr:col>
      <xdr:colOff>543625</xdr:colOff>
      <xdr:row>2</xdr:row>
      <xdr:rowOff>352424</xdr:rowOff>
    </xdr:to>
    <xdr:sp macro="" textlink="">
      <xdr:nvSpPr>
        <xdr:cNvPr id="4" name="会計注釈"/>
        <xdr:cNvSpPr/>
      </xdr:nvSpPr>
      <xdr:spPr bwMode="auto">
        <a:xfrm>
          <a:off x="5219700" y="654050"/>
          <a:ext cx="1400875" cy="352424"/>
        </a:xfrm>
        <a:prstGeom prst="bracketPair">
          <a:avLst/>
        </a:prstGeom>
        <a:noFill/>
        <a:ln w="9525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  <a:extLst/>
      </xdr:spPr>
      <xdr:txBody>
        <a:bodyPr vertOverflow="clip" horzOverflow="clip" wrap="square" lIns="18288" tIns="0" rIns="0" bIns="0" rtlCol="0" anchor="ctr" upright="1"/>
        <a:lstStyle/>
        <a:p>
          <a:pPr algn="l"/>
          <a:r>
            <a:rPr kumimoji="1" lang="ja-JP" altLang="en-US" sz="750">
              <a:latin typeface="ＭＳ 明朝" panose="02020609040205080304" pitchFamily="17" charset="-128"/>
              <a:ea typeface="ＭＳ 明朝" panose="02020609040205080304" pitchFamily="17" charset="-128"/>
            </a:rPr>
            <a:t>収入済額欄の</a:t>
          </a:r>
          <a:r>
            <a:rPr kumimoji="1" lang="en-US" altLang="ja-JP" sz="750">
              <a:latin typeface="ＭＳ 明朝" panose="02020609040205080304" pitchFamily="17" charset="-128"/>
              <a:ea typeface="ＭＳ 明朝" panose="02020609040205080304" pitchFamily="17" charset="-128"/>
            </a:rPr>
            <a:t>×</a:t>
          </a:r>
          <a:r>
            <a:rPr kumimoji="1" lang="ja-JP" altLang="en-US" sz="750">
              <a:latin typeface="ＭＳ 明朝" panose="02020609040205080304" pitchFamily="17" charset="-128"/>
              <a:ea typeface="ＭＳ 明朝" panose="02020609040205080304" pitchFamily="17" charset="-128"/>
            </a:rPr>
            <a:t>印は過誤納金</a:t>
          </a:r>
          <a:endParaRPr kumimoji="1" lang="en-US" altLang="ja-JP" sz="750"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 algn="l">
            <a:lnSpc>
              <a:spcPts val="1200"/>
            </a:lnSpc>
          </a:pPr>
          <a:r>
            <a:rPr kumimoji="1" lang="ja-JP" altLang="en-US" sz="750">
              <a:latin typeface="ＭＳ 明朝" panose="02020609040205080304" pitchFamily="17" charset="-128"/>
              <a:ea typeface="ＭＳ 明朝" panose="02020609040205080304" pitchFamily="17" charset="-128"/>
            </a:rPr>
            <a:t>還付未済額を示すものである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2:N82"/>
  <sheetViews>
    <sheetView view="pageBreakPreview" zoomScaleNormal="100" zoomScaleSheetLayoutView="100" workbookViewId="0">
      <selection activeCell="P72" sqref="P72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4" s="1" customFormat="1" ht="22.5" customHeight="1">
      <c r="A2" s="104" t="s">
        <v>558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</row>
    <row r="3" spans="1:14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</row>
    <row r="4" spans="1:14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</row>
    <row r="5" spans="1:14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</row>
    <row r="6" spans="1:14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</row>
    <row r="7" spans="1:14" customFormat="1" ht="29.1" customHeight="1">
      <c r="A7" s="27" t="s">
        <v>17</v>
      </c>
      <c r="B7" s="28" t="s">
        <v>18</v>
      </c>
      <c r="C7" s="24"/>
      <c r="D7" s="22"/>
      <c r="E7" s="29" t="s">
        <v>19</v>
      </c>
      <c r="F7" s="29" t="s">
        <v>20</v>
      </c>
      <c r="G7" s="30" t="s">
        <v>21</v>
      </c>
      <c r="H7" s="31" t="s">
        <v>22</v>
      </c>
      <c r="I7" s="29" t="s">
        <v>23</v>
      </c>
      <c r="J7" s="32"/>
      <c r="K7" s="33" t="s">
        <v>24</v>
      </c>
      <c r="L7" s="32"/>
      <c r="M7" s="34" t="s">
        <v>25</v>
      </c>
    </row>
    <row r="8" spans="1:14" customFormat="1" ht="29.1" customHeight="1">
      <c r="A8" s="20"/>
      <c r="B8" s="21"/>
      <c r="C8" s="42" t="s">
        <v>17</v>
      </c>
      <c r="D8" s="38" t="s">
        <v>26</v>
      </c>
      <c r="E8" s="39" t="s">
        <v>27</v>
      </c>
      <c r="F8" s="39" t="s">
        <v>28</v>
      </c>
      <c r="G8" s="40" t="s">
        <v>21</v>
      </c>
      <c r="H8" s="41" t="s">
        <v>29</v>
      </c>
      <c r="I8" s="39" t="s">
        <v>30</v>
      </c>
      <c r="J8" s="42"/>
      <c r="K8" s="43" t="s">
        <v>31</v>
      </c>
      <c r="L8" s="42"/>
      <c r="M8" s="44" t="s">
        <v>32</v>
      </c>
    </row>
    <row r="9" spans="1:14" customFormat="1" ht="29.1" customHeight="1">
      <c r="A9" s="20"/>
      <c r="B9" s="21"/>
      <c r="C9" s="42" t="s">
        <v>33</v>
      </c>
      <c r="D9" s="38" t="s">
        <v>34</v>
      </c>
      <c r="E9" s="39" t="s">
        <v>35</v>
      </c>
      <c r="F9" s="39" t="s">
        <v>36</v>
      </c>
      <c r="G9" s="40" t="s">
        <v>21</v>
      </c>
      <c r="H9" s="41" t="s">
        <v>37</v>
      </c>
      <c r="I9" s="39" t="s">
        <v>38</v>
      </c>
      <c r="J9" s="42"/>
      <c r="K9" s="43" t="s">
        <v>39</v>
      </c>
      <c r="L9" s="42"/>
      <c r="M9" s="44" t="s">
        <v>40</v>
      </c>
    </row>
    <row r="10" spans="1:14" customFormat="1" ht="29.1" customHeight="1">
      <c r="A10" s="20"/>
      <c r="B10" s="21"/>
      <c r="C10" s="42" t="s">
        <v>41</v>
      </c>
      <c r="D10" s="38" t="s">
        <v>42</v>
      </c>
      <c r="E10" s="39" t="s">
        <v>43</v>
      </c>
      <c r="F10" s="39" t="s">
        <v>43</v>
      </c>
      <c r="G10" s="45"/>
      <c r="H10" s="46" t="s">
        <v>43</v>
      </c>
      <c r="I10" s="39" t="s">
        <v>44</v>
      </c>
      <c r="J10" s="42"/>
      <c r="K10" s="43" t="s">
        <v>44</v>
      </c>
      <c r="L10" s="42"/>
      <c r="M10" s="44" t="s">
        <v>44</v>
      </c>
    </row>
    <row r="11" spans="1:14" customFormat="1" ht="29.1" customHeight="1">
      <c r="A11" s="20"/>
      <c r="B11" s="21"/>
      <c r="C11" s="42" t="s">
        <v>45</v>
      </c>
      <c r="D11" s="38" t="s">
        <v>46</v>
      </c>
      <c r="E11" s="39" t="s">
        <v>47</v>
      </c>
      <c r="F11" s="39" t="s">
        <v>48</v>
      </c>
      <c r="G11" s="40" t="s">
        <v>21</v>
      </c>
      <c r="H11" s="41" t="s">
        <v>49</v>
      </c>
      <c r="I11" s="39" t="s">
        <v>50</v>
      </c>
      <c r="J11" s="42"/>
      <c r="K11" s="43" t="s">
        <v>51</v>
      </c>
      <c r="L11" s="42"/>
      <c r="M11" s="44" t="s">
        <v>52</v>
      </c>
    </row>
    <row r="12" spans="1:14" customFormat="1" ht="29.1" customHeight="1">
      <c r="A12" s="20"/>
      <c r="B12" s="21"/>
      <c r="C12" s="42" t="s">
        <v>53</v>
      </c>
      <c r="D12" s="38" t="s">
        <v>54</v>
      </c>
      <c r="E12" s="39" t="s">
        <v>55</v>
      </c>
      <c r="F12" s="39" t="s">
        <v>56</v>
      </c>
      <c r="G12" s="45"/>
      <c r="H12" s="46" t="s">
        <v>57</v>
      </c>
      <c r="I12" s="39" t="s">
        <v>44</v>
      </c>
      <c r="J12" s="42"/>
      <c r="K12" s="43" t="s">
        <v>58</v>
      </c>
      <c r="L12" s="42" t="s">
        <v>59</v>
      </c>
      <c r="M12" s="44" t="s">
        <v>60</v>
      </c>
    </row>
    <row r="13" spans="1:14" customFormat="1" ht="29.1" customHeight="1">
      <c r="A13" s="20"/>
      <c r="B13" s="21"/>
      <c r="C13" s="42" t="s">
        <v>61</v>
      </c>
      <c r="D13" s="76" t="s">
        <v>574</v>
      </c>
      <c r="E13" s="39" t="s">
        <v>62</v>
      </c>
      <c r="F13" s="39" t="s">
        <v>63</v>
      </c>
      <c r="G13" s="45"/>
      <c r="H13" s="46" t="s">
        <v>63</v>
      </c>
      <c r="I13" s="39" t="s">
        <v>44</v>
      </c>
      <c r="J13" s="42"/>
      <c r="K13" s="43" t="s">
        <v>44</v>
      </c>
      <c r="L13" s="42"/>
      <c r="M13" s="44" t="s">
        <v>64</v>
      </c>
    </row>
    <row r="14" spans="1:14" customFormat="1" ht="29.1" customHeight="1">
      <c r="A14" s="20"/>
      <c r="B14" s="21"/>
      <c r="C14" s="42" t="s">
        <v>65</v>
      </c>
      <c r="D14" s="38" t="s">
        <v>66</v>
      </c>
      <c r="E14" s="39" t="s">
        <v>67</v>
      </c>
      <c r="F14" s="39" t="s">
        <v>68</v>
      </c>
      <c r="G14" s="40" t="s">
        <v>21</v>
      </c>
      <c r="H14" s="41" t="s">
        <v>69</v>
      </c>
      <c r="I14" s="39" t="s">
        <v>44</v>
      </c>
      <c r="J14" s="42"/>
      <c r="K14" s="43" t="s">
        <v>70</v>
      </c>
      <c r="L14" s="42" t="s">
        <v>59</v>
      </c>
      <c r="M14" s="44" t="s">
        <v>71</v>
      </c>
    </row>
    <row r="15" spans="1:14" customFormat="1" ht="29.1" customHeight="1">
      <c r="A15" s="20"/>
      <c r="B15" s="21"/>
      <c r="C15" s="42" t="s">
        <v>72</v>
      </c>
      <c r="D15" s="38" t="s">
        <v>73</v>
      </c>
      <c r="E15" s="39" t="s">
        <v>74</v>
      </c>
      <c r="F15" s="39" t="s">
        <v>75</v>
      </c>
      <c r="G15" s="40" t="s">
        <v>21</v>
      </c>
      <c r="H15" s="41" t="s">
        <v>76</v>
      </c>
      <c r="I15" s="39" t="s">
        <v>77</v>
      </c>
      <c r="J15" s="42"/>
      <c r="K15" s="43" t="s">
        <v>78</v>
      </c>
      <c r="L15" s="42"/>
      <c r="M15" s="44" t="s">
        <v>79</v>
      </c>
    </row>
    <row r="16" spans="1:14" customFormat="1" ht="29.1" customHeight="1">
      <c r="A16" s="20"/>
      <c r="B16" s="21"/>
      <c r="C16" s="42" t="s">
        <v>80</v>
      </c>
      <c r="D16" s="38" t="s">
        <v>81</v>
      </c>
      <c r="E16" s="39" t="s">
        <v>82</v>
      </c>
      <c r="F16" s="39" t="s">
        <v>83</v>
      </c>
      <c r="G16" s="45"/>
      <c r="H16" s="46" t="s">
        <v>83</v>
      </c>
      <c r="I16" s="39" t="s">
        <v>44</v>
      </c>
      <c r="J16" s="42"/>
      <c r="K16" s="43" t="s">
        <v>44</v>
      </c>
      <c r="L16" s="42"/>
      <c r="M16" s="44" t="s">
        <v>84</v>
      </c>
    </row>
    <row r="17" spans="1:13" customFormat="1" ht="29.1" customHeight="1">
      <c r="A17" s="20"/>
      <c r="B17" s="21"/>
      <c r="C17" s="42" t="s">
        <v>85</v>
      </c>
      <c r="D17" s="38" t="s">
        <v>86</v>
      </c>
      <c r="E17" s="39" t="s">
        <v>87</v>
      </c>
      <c r="F17" s="39" t="s">
        <v>88</v>
      </c>
      <c r="G17" s="45"/>
      <c r="H17" s="46" t="s">
        <v>88</v>
      </c>
      <c r="I17" s="39" t="s">
        <v>44</v>
      </c>
      <c r="J17" s="42"/>
      <c r="K17" s="43" t="s">
        <v>44</v>
      </c>
      <c r="L17" s="42" t="s">
        <v>59</v>
      </c>
      <c r="M17" s="44" t="s">
        <v>89</v>
      </c>
    </row>
    <row r="18" spans="1:13" customFormat="1" ht="29.1" customHeight="1">
      <c r="A18" s="20"/>
      <c r="B18" s="21"/>
      <c r="C18" s="42" t="s">
        <v>90</v>
      </c>
      <c r="D18" s="38" t="s">
        <v>91</v>
      </c>
      <c r="E18" s="39" t="s">
        <v>92</v>
      </c>
      <c r="F18" s="39" t="s">
        <v>93</v>
      </c>
      <c r="G18" s="40" t="s">
        <v>21</v>
      </c>
      <c r="H18" s="41" t="s">
        <v>94</v>
      </c>
      <c r="I18" s="39" t="s">
        <v>95</v>
      </c>
      <c r="J18" s="42"/>
      <c r="K18" s="43" t="s">
        <v>96</v>
      </c>
      <c r="L18" s="42"/>
      <c r="M18" s="44" t="s">
        <v>97</v>
      </c>
    </row>
    <row r="19" spans="1:13" customFormat="1" ht="29.1" customHeight="1">
      <c r="A19" s="56" t="s">
        <v>33</v>
      </c>
      <c r="B19" s="57" t="s">
        <v>98</v>
      </c>
      <c r="C19" s="42"/>
      <c r="D19" s="58"/>
      <c r="E19" s="59" t="s">
        <v>99</v>
      </c>
      <c r="F19" s="59" t="s">
        <v>100</v>
      </c>
      <c r="G19" s="60"/>
      <c r="H19" s="61" t="s">
        <v>100</v>
      </c>
      <c r="I19" s="59" t="s">
        <v>44</v>
      </c>
      <c r="J19" s="62"/>
      <c r="K19" s="63" t="s">
        <v>44</v>
      </c>
      <c r="L19" s="62" t="s">
        <v>59</v>
      </c>
      <c r="M19" s="64" t="s">
        <v>101</v>
      </c>
    </row>
    <row r="20" spans="1:13" customFormat="1" ht="29.1" customHeight="1">
      <c r="A20" s="20"/>
      <c r="B20" s="21"/>
      <c r="C20" s="42" t="s">
        <v>17</v>
      </c>
      <c r="D20" s="38" t="s">
        <v>102</v>
      </c>
      <c r="E20" s="39" t="s">
        <v>103</v>
      </c>
      <c r="F20" s="39" t="s">
        <v>104</v>
      </c>
      <c r="G20" s="40"/>
      <c r="H20" s="41" t="s">
        <v>104</v>
      </c>
      <c r="I20" s="39" t="s">
        <v>44</v>
      </c>
      <c r="J20" s="42"/>
      <c r="K20" s="43" t="s">
        <v>44</v>
      </c>
      <c r="L20" s="42" t="s">
        <v>59</v>
      </c>
      <c r="M20" s="44" t="s">
        <v>105</v>
      </c>
    </row>
    <row r="21" spans="1:13" customFormat="1" ht="29.1" customHeight="1">
      <c r="A21" s="20"/>
      <c r="B21" s="21"/>
      <c r="C21" s="42" t="s">
        <v>33</v>
      </c>
      <c r="D21" s="76" t="s">
        <v>575</v>
      </c>
      <c r="E21" s="39" t="s">
        <v>106</v>
      </c>
      <c r="F21" s="39" t="s">
        <v>107</v>
      </c>
      <c r="G21" s="40"/>
      <c r="H21" s="41" t="s">
        <v>107</v>
      </c>
      <c r="I21" s="39" t="s">
        <v>44</v>
      </c>
      <c r="J21" s="42"/>
      <c r="K21" s="43" t="s">
        <v>44</v>
      </c>
      <c r="L21" s="42" t="s">
        <v>59</v>
      </c>
      <c r="M21" s="44" t="s">
        <v>108</v>
      </c>
    </row>
    <row r="22" spans="1:13" customFormat="1" ht="29.1" customHeight="1">
      <c r="A22" s="20"/>
      <c r="B22" s="21"/>
      <c r="C22" s="42" t="s">
        <v>41</v>
      </c>
      <c r="D22" s="76" t="s">
        <v>576</v>
      </c>
      <c r="E22" s="39" t="s">
        <v>109</v>
      </c>
      <c r="F22" s="39" t="s">
        <v>110</v>
      </c>
      <c r="G22" s="45"/>
      <c r="H22" s="46" t="s">
        <v>110</v>
      </c>
      <c r="I22" s="39" t="s">
        <v>44</v>
      </c>
      <c r="J22" s="42"/>
      <c r="K22" s="43" t="s">
        <v>44</v>
      </c>
      <c r="L22" s="42" t="s">
        <v>59</v>
      </c>
      <c r="M22" s="44" t="s">
        <v>111</v>
      </c>
    </row>
    <row r="23" spans="1:13" customFormat="1" ht="29.1" customHeight="1">
      <c r="A23" s="20"/>
      <c r="B23" s="21"/>
      <c r="C23" s="42" t="s">
        <v>45</v>
      </c>
      <c r="D23" s="76" t="s">
        <v>577</v>
      </c>
      <c r="E23" s="39" t="s">
        <v>112</v>
      </c>
      <c r="F23" s="39" t="s">
        <v>113</v>
      </c>
      <c r="G23" s="40"/>
      <c r="H23" s="41" t="s">
        <v>113</v>
      </c>
      <c r="I23" s="39" t="s">
        <v>44</v>
      </c>
      <c r="J23" s="42"/>
      <c r="K23" s="43" t="s">
        <v>44</v>
      </c>
      <c r="L23" s="42"/>
      <c r="M23" s="44" t="s">
        <v>114</v>
      </c>
    </row>
    <row r="24" spans="1:13" customFormat="1" ht="29.1" customHeight="1">
      <c r="A24" s="20"/>
      <c r="B24" s="21"/>
      <c r="C24" s="42" t="s">
        <v>53</v>
      </c>
      <c r="D24" s="76" t="s">
        <v>578</v>
      </c>
      <c r="E24" s="39" t="s">
        <v>115</v>
      </c>
      <c r="F24" s="39" t="s">
        <v>115</v>
      </c>
      <c r="G24" s="45"/>
      <c r="H24" s="46" t="s">
        <v>115</v>
      </c>
      <c r="I24" s="39" t="s">
        <v>44</v>
      </c>
      <c r="J24" s="42"/>
      <c r="K24" s="43" t="s">
        <v>44</v>
      </c>
      <c r="L24" s="42"/>
      <c r="M24" s="44" t="s">
        <v>44</v>
      </c>
    </row>
    <row r="25" spans="1:13" customFormat="1" ht="29.1" customHeight="1">
      <c r="A25" s="20"/>
      <c r="B25" s="21"/>
      <c r="C25" s="42" t="s">
        <v>61</v>
      </c>
      <c r="D25" s="76" t="s">
        <v>579</v>
      </c>
      <c r="E25" s="39" t="s">
        <v>44</v>
      </c>
      <c r="F25" s="39" t="s">
        <v>116</v>
      </c>
      <c r="G25" s="45"/>
      <c r="H25" s="46" t="s">
        <v>116</v>
      </c>
      <c r="I25" s="39" t="s">
        <v>44</v>
      </c>
      <c r="J25" s="42"/>
      <c r="K25" s="43" t="s">
        <v>44</v>
      </c>
      <c r="L25" s="42"/>
      <c r="M25" s="44" t="s">
        <v>116</v>
      </c>
    </row>
    <row r="26" spans="1:13" customFormat="1" ht="29.1" customHeight="1">
      <c r="A26" s="56" t="s">
        <v>41</v>
      </c>
      <c r="B26" s="77" t="s">
        <v>580</v>
      </c>
      <c r="C26" s="42"/>
      <c r="D26" s="58"/>
      <c r="E26" s="59" t="s">
        <v>117</v>
      </c>
      <c r="F26" s="59" t="s">
        <v>117</v>
      </c>
      <c r="G26" s="60"/>
      <c r="H26" s="61" t="s">
        <v>117</v>
      </c>
      <c r="I26" s="59" t="s">
        <v>44</v>
      </c>
      <c r="J26" s="62"/>
      <c r="K26" s="63" t="s">
        <v>44</v>
      </c>
      <c r="L26" s="62"/>
      <c r="M26" s="64" t="s">
        <v>44</v>
      </c>
    </row>
    <row r="27" spans="1:13" customFormat="1" ht="29.1" customHeight="1">
      <c r="A27" s="20"/>
      <c r="B27" s="21"/>
      <c r="C27" s="42" t="s">
        <v>17</v>
      </c>
      <c r="D27" s="76" t="s">
        <v>581</v>
      </c>
      <c r="E27" s="39" t="s">
        <v>117</v>
      </c>
      <c r="F27" s="39" t="s">
        <v>117</v>
      </c>
      <c r="G27" s="40"/>
      <c r="H27" s="41" t="s">
        <v>117</v>
      </c>
      <c r="I27" s="39" t="s">
        <v>44</v>
      </c>
      <c r="J27" s="42"/>
      <c r="K27" s="43" t="s">
        <v>44</v>
      </c>
      <c r="L27" s="42"/>
      <c r="M27" s="44" t="s">
        <v>44</v>
      </c>
    </row>
    <row r="28" spans="1:13" customFormat="1" ht="29.1" customHeight="1">
      <c r="A28" s="56" t="s">
        <v>45</v>
      </c>
      <c r="B28" s="57" t="s">
        <v>118</v>
      </c>
      <c r="C28" s="42"/>
      <c r="D28" s="58"/>
      <c r="E28" s="59" t="s">
        <v>119</v>
      </c>
      <c r="F28" s="59" t="s">
        <v>120</v>
      </c>
      <c r="G28" s="60"/>
      <c r="H28" s="61" t="s">
        <v>120</v>
      </c>
      <c r="I28" s="59" t="s">
        <v>44</v>
      </c>
      <c r="J28" s="62"/>
      <c r="K28" s="63" t="s">
        <v>44</v>
      </c>
      <c r="L28" s="62"/>
      <c r="M28" s="64" t="s">
        <v>121</v>
      </c>
    </row>
    <row r="29" spans="1:13" customFormat="1" ht="29.1" customHeight="1">
      <c r="A29" s="20"/>
      <c r="B29" s="21"/>
      <c r="C29" s="42" t="s">
        <v>17</v>
      </c>
      <c r="D29" s="38" t="s">
        <v>118</v>
      </c>
      <c r="E29" s="39" t="s">
        <v>119</v>
      </c>
      <c r="F29" s="39" t="s">
        <v>120</v>
      </c>
      <c r="G29" s="40"/>
      <c r="H29" s="41" t="s">
        <v>120</v>
      </c>
      <c r="I29" s="39" t="s">
        <v>44</v>
      </c>
      <c r="J29" s="42"/>
      <c r="K29" s="43" t="s">
        <v>44</v>
      </c>
      <c r="L29" s="42"/>
      <c r="M29" s="44" t="s">
        <v>121</v>
      </c>
    </row>
    <row r="30" spans="1:13" customFormat="1" ht="29.1" customHeight="1">
      <c r="A30" s="56" t="s">
        <v>53</v>
      </c>
      <c r="B30" s="57" t="s">
        <v>122</v>
      </c>
      <c r="C30" s="42"/>
      <c r="D30" s="58"/>
      <c r="E30" s="59" t="s">
        <v>123</v>
      </c>
      <c r="F30" s="59" t="s">
        <v>124</v>
      </c>
      <c r="G30" s="60"/>
      <c r="H30" s="61" t="s">
        <v>124</v>
      </c>
      <c r="I30" s="59" t="s">
        <v>44</v>
      </c>
      <c r="J30" s="62"/>
      <c r="K30" s="63" t="s">
        <v>44</v>
      </c>
      <c r="L30" s="62"/>
      <c r="M30" s="64" t="s">
        <v>125</v>
      </c>
    </row>
    <row r="31" spans="1:13" customFormat="1" ht="29.1" customHeight="1">
      <c r="A31" s="47"/>
      <c r="B31" s="48"/>
      <c r="C31" s="49" t="s">
        <v>17</v>
      </c>
      <c r="D31" s="50" t="s">
        <v>122</v>
      </c>
      <c r="E31" s="51" t="s">
        <v>123</v>
      </c>
      <c r="F31" s="51" t="s">
        <v>124</v>
      </c>
      <c r="G31" s="52"/>
      <c r="H31" s="53" t="s">
        <v>124</v>
      </c>
      <c r="I31" s="51" t="s">
        <v>44</v>
      </c>
      <c r="J31" s="49"/>
      <c r="K31" s="54" t="s">
        <v>44</v>
      </c>
      <c r="L31" s="49"/>
      <c r="M31" s="55" t="s">
        <v>125</v>
      </c>
    </row>
    <row r="36" spans="1:14" ht="19.5" customHeight="1">
      <c r="A36" s="105" t="s">
        <v>4</v>
      </c>
      <c r="B36" s="102"/>
      <c r="C36" s="102" t="s">
        <v>5</v>
      </c>
      <c r="D36" s="102"/>
      <c r="E36" s="102" t="s">
        <v>6</v>
      </c>
      <c r="F36" s="102" t="s">
        <v>7</v>
      </c>
      <c r="G36" s="102" t="s">
        <v>8</v>
      </c>
      <c r="H36" s="102"/>
      <c r="I36" s="102" t="s">
        <v>9</v>
      </c>
      <c r="J36" s="102" t="s">
        <v>10</v>
      </c>
      <c r="K36" s="102"/>
      <c r="L36" s="107" t="s">
        <v>11</v>
      </c>
      <c r="M36" s="108"/>
      <c r="N36" s="8"/>
    </row>
    <row r="37" spans="1:14" ht="19.5" customHeight="1">
      <c r="A37" s="106"/>
      <c r="B37" s="103"/>
      <c r="C37" s="103"/>
      <c r="D37" s="103"/>
      <c r="E37" s="103"/>
      <c r="F37" s="103"/>
      <c r="G37" s="103"/>
      <c r="H37" s="103"/>
      <c r="I37" s="103"/>
      <c r="J37" s="103"/>
      <c r="K37" s="103"/>
      <c r="L37" s="109"/>
      <c r="M37" s="110"/>
      <c r="N37" s="8"/>
    </row>
    <row r="38" spans="1:14" ht="10.5" customHeight="1">
      <c r="A38" s="12"/>
      <c r="B38" s="13"/>
      <c r="C38" s="18"/>
      <c r="D38" s="14"/>
      <c r="E38" s="15" t="s">
        <v>14</v>
      </c>
      <c r="F38" s="15" t="s">
        <v>14</v>
      </c>
      <c r="G38" s="16"/>
      <c r="H38" s="17" t="s">
        <v>14</v>
      </c>
      <c r="I38" s="15" t="s">
        <v>14</v>
      </c>
      <c r="J38" s="18"/>
      <c r="K38" s="17" t="s">
        <v>14</v>
      </c>
      <c r="L38" s="18"/>
      <c r="M38" s="19" t="s">
        <v>14</v>
      </c>
      <c r="N38" s="8"/>
    </row>
    <row r="39" spans="1:14" customFormat="1" ht="29.1" customHeight="1">
      <c r="A39" s="27" t="s">
        <v>61</v>
      </c>
      <c r="B39" s="78" t="s">
        <v>582</v>
      </c>
      <c r="C39" s="24"/>
      <c r="D39" s="22"/>
      <c r="E39" s="29" t="s">
        <v>127</v>
      </c>
      <c r="F39" s="29" t="s">
        <v>128</v>
      </c>
      <c r="G39" s="30"/>
      <c r="H39" s="31" t="s">
        <v>129</v>
      </c>
      <c r="I39" s="29" t="s">
        <v>130</v>
      </c>
      <c r="J39" s="32"/>
      <c r="K39" s="33" t="s">
        <v>131</v>
      </c>
      <c r="L39" s="32" t="s">
        <v>59</v>
      </c>
      <c r="M39" s="34" t="s">
        <v>132</v>
      </c>
    </row>
    <row r="40" spans="1:14" customFormat="1" ht="29.1" customHeight="1">
      <c r="A40" s="20"/>
      <c r="B40" s="21"/>
      <c r="C40" s="42" t="s">
        <v>17</v>
      </c>
      <c r="D40" s="38" t="s">
        <v>133</v>
      </c>
      <c r="E40" s="39" t="s">
        <v>134</v>
      </c>
      <c r="F40" s="39" t="s">
        <v>135</v>
      </c>
      <c r="G40" s="40"/>
      <c r="H40" s="41" t="s">
        <v>135</v>
      </c>
      <c r="I40" s="39" t="s">
        <v>44</v>
      </c>
      <c r="J40" s="42"/>
      <c r="K40" s="43" t="s">
        <v>44</v>
      </c>
      <c r="L40" s="42" t="s">
        <v>59</v>
      </c>
      <c r="M40" s="44" t="s">
        <v>136</v>
      </c>
    </row>
    <row r="41" spans="1:14" customFormat="1" ht="29.1" customHeight="1">
      <c r="A41" s="20"/>
      <c r="B41" s="21"/>
      <c r="C41" s="42" t="s">
        <v>33</v>
      </c>
      <c r="D41" s="38" t="s">
        <v>137</v>
      </c>
      <c r="E41" s="39" t="s">
        <v>138</v>
      </c>
      <c r="F41" s="39" t="s">
        <v>139</v>
      </c>
      <c r="G41" s="40"/>
      <c r="H41" s="41" t="s">
        <v>140</v>
      </c>
      <c r="I41" s="39" t="s">
        <v>130</v>
      </c>
      <c r="J41" s="42"/>
      <c r="K41" s="43" t="s">
        <v>131</v>
      </c>
      <c r="L41" s="42" t="s">
        <v>59</v>
      </c>
      <c r="M41" s="44" t="s">
        <v>141</v>
      </c>
    </row>
    <row r="42" spans="1:14" customFormat="1" ht="29.1" customHeight="1">
      <c r="A42" s="56" t="s">
        <v>65</v>
      </c>
      <c r="B42" s="77" t="s">
        <v>583</v>
      </c>
      <c r="C42" s="42"/>
      <c r="D42" s="58"/>
      <c r="E42" s="59" t="s">
        <v>143</v>
      </c>
      <c r="F42" s="59" t="s">
        <v>144</v>
      </c>
      <c r="G42" s="60" t="s">
        <v>21</v>
      </c>
      <c r="H42" s="61" t="s">
        <v>145</v>
      </c>
      <c r="I42" s="59" t="s">
        <v>146</v>
      </c>
      <c r="J42" s="62"/>
      <c r="K42" s="63" t="s">
        <v>147</v>
      </c>
      <c r="L42" s="62" t="s">
        <v>59</v>
      </c>
      <c r="M42" s="64" t="s">
        <v>148</v>
      </c>
    </row>
    <row r="43" spans="1:14" customFormat="1" ht="29.1" customHeight="1">
      <c r="A43" s="20"/>
      <c r="B43" s="21"/>
      <c r="C43" s="42" t="s">
        <v>17</v>
      </c>
      <c r="D43" s="38" t="s">
        <v>149</v>
      </c>
      <c r="E43" s="39" t="s">
        <v>150</v>
      </c>
      <c r="F43" s="39" t="s">
        <v>151</v>
      </c>
      <c r="G43" s="40" t="s">
        <v>21</v>
      </c>
      <c r="H43" s="41" t="s">
        <v>152</v>
      </c>
      <c r="I43" s="39" t="s">
        <v>146</v>
      </c>
      <c r="J43" s="42"/>
      <c r="K43" s="43" t="s">
        <v>153</v>
      </c>
      <c r="L43" s="42"/>
      <c r="M43" s="44" t="s">
        <v>154</v>
      </c>
    </row>
    <row r="44" spans="1:14" customFormat="1" ht="29.1" customHeight="1">
      <c r="A44" s="20"/>
      <c r="B44" s="21"/>
      <c r="C44" s="42" t="s">
        <v>33</v>
      </c>
      <c r="D44" s="38" t="s">
        <v>155</v>
      </c>
      <c r="E44" s="39" t="s">
        <v>156</v>
      </c>
      <c r="F44" s="39" t="s">
        <v>157</v>
      </c>
      <c r="G44" s="40"/>
      <c r="H44" s="41" t="s">
        <v>158</v>
      </c>
      <c r="I44" s="39" t="s">
        <v>44</v>
      </c>
      <c r="J44" s="42"/>
      <c r="K44" s="43" t="s">
        <v>159</v>
      </c>
      <c r="L44" s="42" t="s">
        <v>59</v>
      </c>
      <c r="M44" s="44" t="s">
        <v>160</v>
      </c>
    </row>
    <row r="45" spans="1:14" customFormat="1" ht="29.1" customHeight="1">
      <c r="A45" s="20"/>
      <c r="B45" s="21"/>
      <c r="C45" s="42" t="s">
        <v>41</v>
      </c>
      <c r="D45" s="38" t="s">
        <v>161</v>
      </c>
      <c r="E45" s="39" t="s">
        <v>162</v>
      </c>
      <c r="F45" s="39" t="s">
        <v>163</v>
      </c>
      <c r="G45" s="45"/>
      <c r="H45" s="46" t="s">
        <v>163</v>
      </c>
      <c r="I45" s="39" t="s">
        <v>44</v>
      </c>
      <c r="J45" s="42"/>
      <c r="K45" s="43" t="s">
        <v>44</v>
      </c>
      <c r="L45" s="42" t="s">
        <v>59</v>
      </c>
      <c r="M45" s="44" t="s">
        <v>164</v>
      </c>
    </row>
    <row r="46" spans="1:14" customFormat="1" ht="29.1" customHeight="1">
      <c r="A46" s="56" t="s">
        <v>72</v>
      </c>
      <c r="B46" s="57" t="s">
        <v>165</v>
      </c>
      <c r="C46" s="42"/>
      <c r="D46" s="58"/>
      <c r="E46" s="59" t="s">
        <v>166</v>
      </c>
      <c r="F46" s="59" t="s">
        <v>167</v>
      </c>
      <c r="G46" s="60"/>
      <c r="H46" s="61" t="s">
        <v>167</v>
      </c>
      <c r="I46" s="59" t="s">
        <v>44</v>
      </c>
      <c r="J46" s="62"/>
      <c r="K46" s="63" t="s">
        <v>44</v>
      </c>
      <c r="L46" s="62" t="s">
        <v>59</v>
      </c>
      <c r="M46" s="64" t="s">
        <v>168</v>
      </c>
    </row>
    <row r="47" spans="1:14" customFormat="1" ht="29.1" customHeight="1">
      <c r="A47" s="20"/>
      <c r="B47" s="21"/>
      <c r="C47" s="42" t="s">
        <v>17</v>
      </c>
      <c r="D47" s="38" t="s">
        <v>169</v>
      </c>
      <c r="E47" s="39" t="s">
        <v>170</v>
      </c>
      <c r="F47" s="39" t="s">
        <v>171</v>
      </c>
      <c r="G47" s="40"/>
      <c r="H47" s="41" t="s">
        <v>171</v>
      </c>
      <c r="I47" s="39" t="s">
        <v>44</v>
      </c>
      <c r="J47" s="42"/>
      <c r="K47" s="43" t="s">
        <v>44</v>
      </c>
      <c r="L47" s="42" t="s">
        <v>59</v>
      </c>
      <c r="M47" s="44" t="s">
        <v>172</v>
      </c>
    </row>
    <row r="48" spans="1:14" customFormat="1" ht="29.1" customHeight="1">
      <c r="A48" s="20"/>
      <c r="B48" s="21"/>
      <c r="C48" s="42" t="s">
        <v>33</v>
      </c>
      <c r="D48" s="38" t="s">
        <v>173</v>
      </c>
      <c r="E48" s="39" t="s">
        <v>174</v>
      </c>
      <c r="F48" s="39" t="s">
        <v>175</v>
      </c>
      <c r="G48" s="40"/>
      <c r="H48" s="41" t="s">
        <v>175</v>
      </c>
      <c r="I48" s="39" t="s">
        <v>44</v>
      </c>
      <c r="J48" s="42"/>
      <c r="K48" s="43" t="s">
        <v>44</v>
      </c>
      <c r="L48" s="42" t="s">
        <v>59</v>
      </c>
      <c r="M48" s="44" t="s">
        <v>176</v>
      </c>
    </row>
    <row r="49" spans="1:13" customFormat="1" ht="29.1" customHeight="1">
      <c r="A49" s="20"/>
      <c r="B49" s="21"/>
      <c r="C49" s="42" t="s">
        <v>41</v>
      </c>
      <c r="D49" s="38" t="s">
        <v>177</v>
      </c>
      <c r="E49" s="39" t="s">
        <v>178</v>
      </c>
      <c r="F49" s="39" t="s">
        <v>179</v>
      </c>
      <c r="G49" s="45"/>
      <c r="H49" s="46" t="s">
        <v>179</v>
      </c>
      <c r="I49" s="39" t="s">
        <v>44</v>
      </c>
      <c r="J49" s="42"/>
      <c r="K49" s="43" t="s">
        <v>44</v>
      </c>
      <c r="L49" s="42" t="s">
        <v>59</v>
      </c>
      <c r="M49" s="44" t="s">
        <v>180</v>
      </c>
    </row>
    <row r="50" spans="1:13" customFormat="1" ht="29.1" customHeight="1">
      <c r="A50" s="56" t="s">
        <v>80</v>
      </c>
      <c r="B50" s="57" t="s">
        <v>181</v>
      </c>
      <c r="C50" s="42"/>
      <c r="D50" s="58"/>
      <c r="E50" s="59" t="s">
        <v>182</v>
      </c>
      <c r="F50" s="59" t="s">
        <v>183</v>
      </c>
      <c r="G50" s="60"/>
      <c r="H50" s="61" t="s">
        <v>184</v>
      </c>
      <c r="I50" s="59" t="s">
        <v>44</v>
      </c>
      <c r="J50" s="62"/>
      <c r="K50" s="63" t="s">
        <v>185</v>
      </c>
      <c r="L50" s="62"/>
      <c r="M50" s="64" t="s">
        <v>186</v>
      </c>
    </row>
    <row r="51" spans="1:13" customFormat="1" ht="29.1" customHeight="1">
      <c r="A51" s="20"/>
      <c r="B51" s="21"/>
      <c r="C51" s="42" t="s">
        <v>17</v>
      </c>
      <c r="D51" s="38" t="s">
        <v>187</v>
      </c>
      <c r="E51" s="39" t="s">
        <v>188</v>
      </c>
      <c r="F51" s="39" t="s">
        <v>189</v>
      </c>
      <c r="G51" s="40"/>
      <c r="H51" s="41" t="s">
        <v>190</v>
      </c>
      <c r="I51" s="39" t="s">
        <v>44</v>
      </c>
      <c r="J51" s="42"/>
      <c r="K51" s="43" t="s">
        <v>191</v>
      </c>
      <c r="L51" s="42" t="s">
        <v>59</v>
      </c>
      <c r="M51" s="44" t="s">
        <v>192</v>
      </c>
    </row>
    <row r="52" spans="1:13" customFormat="1" ht="29.1" customHeight="1">
      <c r="A52" s="20"/>
      <c r="B52" s="21"/>
      <c r="C52" s="42" t="s">
        <v>33</v>
      </c>
      <c r="D52" s="38" t="s">
        <v>193</v>
      </c>
      <c r="E52" s="39" t="s">
        <v>194</v>
      </c>
      <c r="F52" s="39" t="s">
        <v>195</v>
      </c>
      <c r="G52" s="40"/>
      <c r="H52" s="41" t="s">
        <v>196</v>
      </c>
      <c r="I52" s="39" t="s">
        <v>44</v>
      </c>
      <c r="J52" s="42"/>
      <c r="K52" s="43" t="s">
        <v>197</v>
      </c>
      <c r="L52" s="42"/>
      <c r="M52" s="44" t="s">
        <v>198</v>
      </c>
    </row>
    <row r="53" spans="1:13" customFormat="1" ht="29.1" customHeight="1">
      <c r="A53" s="56" t="s">
        <v>85</v>
      </c>
      <c r="B53" s="57" t="s">
        <v>199</v>
      </c>
      <c r="C53" s="42"/>
      <c r="D53" s="58"/>
      <c r="E53" s="59" t="s">
        <v>200</v>
      </c>
      <c r="F53" s="59" t="s">
        <v>201</v>
      </c>
      <c r="G53" s="60"/>
      <c r="H53" s="61" t="s">
        <v>202</v>
      </c>
      <c r="I53" s="59" t="s">
        <v>44</v>
      </c>
      <c r="J53" s="62"/>
      <c r="K53" s="63" t="s">
        <v>203</v>
      </c>
      <c r="L53" s="62" t="s">
        <v>59</v>
      </c>
      <c r="M53" s="64" t="s">
        <v>204</v>
      </c>
    </row>
    <row r="54" spans="1:13" customFormat="1" ht="29.1" customHeight="1">
      <c r="A54" s="20"/>
      <c r="B54" s="21"/>
      <c r="C54" s="42" t="s">
        <v>17</v>
      </c>
      <c r="D54" s="38" t="s">
        <v>199</v>
      </c>
      <c r="E54" s="39" t="s">
        <v>200</v>
      </c>
      <c r="F54" s="39" t="s">
        <v>201</v>
      </c>
      <c r="G54" s="40"/>
      <c r="H54" s="41" t="s">
        <v>202</v>
      </c>
      <c r="I54" s="39" t="s">
        <v>44</v>
      </c>
      <c r="J54" s="42"/>
      <c r="K54" s="43" t="s">
        <v>203</v>
      </c>
      <c r="L54" s="42" t="s">
        <v>59</v>
      </c>
      <c r="M54" s="44" t="s">
        <v>204</v>
      </c>
    </row>
    <row r="55" spans="1:13" customFormat="1" ht="29.1" customHeight="1">
      <c r="A55" s="56" t="s">
        <v>90</v>
      </c>
      <c r="B55" s="57" t="s">
        <v>205</v>
      </c>
      <c r="C55" s="42"/>
      <c r="D55" s="58"/>
      <c r="E55" s="59" t="s">
        <v>206</v>
      </c>
      <c r="F55" s="59" t="s">
        <v>207</v>
      </c>
      <c r="G55" s="60"/>
      <c r="H55" s="61" t="s">
        <v>207</v>
      </c>
      <c r="I55" s="59" t="s">
        <v>44</v>
      </c>
      <c r="J55" s="62"/>
      <c r="K55" s="63" t="s">
        <v>44</v>
      </c>
      <c r="L55" s="62" t="s">
        <v>59</v>
      </c>
      <c r="M55" s="64" t="s">
        <v>208</v>
      </c>
    </row>
    <row r="56" spans="1:13" customFormat="1" ht="29.1" customHeight="1">
      <c r="A56" s="20"/>
      <c r="B56" s="21"/>
      <c r="C56" s="42" t="s">
        <v>17</v>
      </c>
      <c r="D56" s="76" t="s">
        <v>584</v>
      </c>
      <c r="E56" s="39" t="s">
        <v>209</v>
      </c>
      <c r="F56" s="39" t="s">
        <v>210</v>
      </c>
      <c r="G56" s="40"/>
      <c r="H56" s="41" t="s">
        <v>210</v>
      </c>
      <c r="I56" s="39" t="s">
        <v>44</v>
      </c>
      <c r="J56" s="42"/>
      <c r="K56" s="43" t="s">
        <v>44</v>
      </c>
      <c r="L56" s="42" t="s">
        <v>59</v>
      </c>
      <c r="M56" s="44" t="s">
        <v>211</v>
      </c>
    </row>
    <row r="57" spans="1:13" customFormat="1" ht="29.1" customHeight="1">
      <c r="A57" s="20"/>
      <c r="B57" s="21"/>
      <c r="C57" s="42" t="s">
        <v>33</v>
      </c>
      <c r="D57" s="38" t="s">
        <v>212</v>
      </c>
      <c r="E57" s="39" t="s">
        <v>213</v>
      </c>
      <c r="F57" s="39" t="s">
        <v>214</v>
      </c>
      <c r="G57" s="40"/>
      <c r="H57" s="41" t="s">
        <v>214</v>
      </c>
      <c r="I57" s="39" t="s">
        <v>44</v>
      </c>
      <c r="J57" s="42"/>
      <c r="K57" s="43" t="s">
        <v>44</v>
      </c>
      <c r="L57" s="42" t="s">
        <v>59</v>
      </c>
      <c r="M57" s="44" t="s">
        <v>215</v>
      </c>
    </row>
    <row r="58" spans="1:13" customFormat="1" ht="29.1" customHeight="1">
      <c r="A58" s="56" t="s">
        <v>216</v>
      </c>
      <c r="B58" s="57" t="s">
        <v>217</v>
      </c>
      <c r="C58" s="42"/>
      <c r="D58" s="58"/>
      <c r="E58" s="59" t="s">
        <v>218</v>
      </c>
      <c r="F58" s="59" t="s">
        <v>219</v>
      </c>
      <c r="G58" s="60"/>
      <c r="H58" s="61" t="s">
        <v>219</v>
      </c>
      <c r="I58" s="59" t="s">
        <v>44</v>
      </c>
      <c r="J58" s="62"/>
      <c r="K58" s="63" t="s">
        <v>44</v>
      </c>
      <c r="L58" s="62"/>
      <c r="M58" s="64" t="s">
        <v>220</v>
      </c>
    </row>
    <row r="59" spans="1:13" customFormat="1" ht="29.1" customHeight="1">
      <c r="A59" s="20"/>
      <c r="B59" s="21"/>
      <c r="C59" s="42" t="s">
        <v>17</v>
      </c>
      <c r="D59" s="38" t="s">
        <v>217</v>
      </c>
      <c r="E59" s="39" t="s">
        <v>218</v>
      </c>
      <c r="F59" s="39" t="s">
        <v>219</v>
      </c>
      <c r="G59" s="40"/>
      <c r="H59" s="41" t="s">
        <v>219</v>
      </c>
      <c r="I59" s="39" t="s">
        <v>44</v>
      </c>
      <c r="J59" s="42"/>
      <c r="K59" s="43" t="s">
        <v>44</v>
      </c>
      <c r="L59" s="42"/>
      <c r="M59" s="44" t="s">
        <v>220</v>
      </c>
    </row>
    <row r="60" spans="1:13" customFormat="1" ht="29.1" customHeight="1">
      <c r="A60" s="56" t="s">
        <v>221</v>
      </c>
      <c r="B60" s="57" t="s">
        <v>222</v>
      </c>
      <c r="C60" s="42"/>
      <c r="D60" s="58"/>
      <c r="E60" s="59" t="s">
        <v>223</v>
      </c>
      <c r="F60" s="59" t="s">
        <v>224</v>
      </c>
      <c r="G60" s="60" t="s">
        <v>21</v>
      </c>
      <c r="H60" s="61" t="s">
        <v>225</v>
      </c>
      <c r="I60" s="59" t="s">
        <v>226</v>
      </c>
      <c r="J60" s="62"/>
      <c r="K60" s="63" t="s">
        <v>227</v>
      </c>
      <c r="L60" s="62" t="s">
        <v>59</v>
      </c>
      <c r="M60" s="64" t="s">
        <v>228</v>
      </c>
    </row>
    <row r="61" spans="1:13" customFormat="1" ht="29.1" customHeight="1">
      <c r="A61" s="20"/>
      <c r="B61" s="21"/>
      <c r="C61" s="42" t="s">
        <v>17</v>
      </c>
      <c r="D61" s="79" t="s">
        <v>585</v>
      </c>
      <c r="E61" s="39" t="s">
        <v>229</v>
      </c>
      <c r="F61" s="39" t="s">
        <v>230</v>
      </c>
      <c r="G61" s="40" t="s">
        <v>21</v>
      </c>
      <c r="H61" s="41" t="s">
        <v>231</v>
      </c>
      <c r="I61" s="39" t="s">
        <v>232</v>
      </c>
      <c r="J61" s="42"/>
      <c r="K61" s="43" t="s">
        <v>233</v>
      </c>
      <c r="L61" s="42" t="s">
        <v>59</v>
      </c>
      <c r="M61" s="44" t="s">
        <v>234</v>
      </c>
    </row>
    <row r="62" spans="1:13" customFormat="1" ht="29.1" customHeight="1">
      <c r="A62" s="20"/>
      <c r="B62" s="21"/>
      <c r="C62" s="42" t="s">
        <v>33</v>
      </c>
      <c r="D62" s="38" t="s">
        <v>235</v>
      </c>
      <c r="E62" s="39" t="s">
        <v>236</v>
      </c>
      <c r="F62" s="39" t="s">
        <v>237</v>
      </c>
      <c r="G62" s="40"/>
      <c r="H62" s="41" t="s">
        <v>237</v>
      </c>
      <c r="I62" s="39" t="s">
        <v>44</v>
      </c>
      <c r="J62" s="42"/>
      <c r="K62" s="43" t="s">
        <v>44</v>
      </c>
      <c r="L62" s="42"/>
      <c r="M62" s="44" t="s">
        <v>238</v>
      </c>
    </row>
    <row r="63" spans="1:13" customFormat="1" ht="29.1" customHeight="1">
      <c r="A63" s="47"/>
      <c r="B63" s="48"/>
      <c r="C63" s="49" t="s">
        <v>41</v>
      </c>
      <c r="D63" s="80" t="s">
        <v>586</v>
      </c>
      <c r="E63" s="51" t="s">
        <v>239</v>
      </c>
      <c r="F63" s="51" t="s">
        <v>240</v>
      </c>
      <c r="G63" s="65"/>
      <c r="H63" s="66" t="s">
        <v>241</v>
      </c>
      <c r="I63" s="51" t="s">
        <v>242</v>
      </c>
      <c r="J63" s="49"/>
      <c r="K63" s="54" t="s">
        <v>243</v>
      </c>
      <c r="L63" s="49"/>
      <c r="M63" s="55" t="s">
        <v>244</v>
      </c>
    </row>
    <row r="68" spans="1:14" ht="19.5" customHeight="1">
      <c r="A68" s="105" t="s">
        <v>4</v>
      </c>
      <c r="B68" s="102"/>
      <c r="C68" s="102" t="s">
        <v>5</v>
      </c>
      <c r="D68" s="102"/>
      <c r="E68" s="102" t="s">
        <v>6</v>
      </c>
      <c r="F68" s="102" t="s">
        <v>7</v>
      </c>
      <c r="G68" s="102" t="s">
        <v>8</v>
      </c>
      <c r="H68" s="102"/>
      <c r="I68" s="102" t="s">
        <v>9</v>
      </c>
      <c r="J68" s="102" t="s">
        <v>10</v>
      </c>
      <c r="K68" s="102"/>
      <c r="L68" s="107" t="s">
        <v>11</v>
      </c>
      <c r="M68" s="108"/>
      <c r="N68" s="8"/>
    </row>
    <row r="69" spans="1:14" ht="19.5" customHeight="1">
      <c r="A69" s="106"/>
      <c r="B69" s="103"/>
      <c r="C69" s="103"/>
      <c r="D69" s="103"/>
      <c r="E69" s="103"/>
      <c r="F69" s="103"/>
      <c r="G69" s="103"/>
      <c r="H69" s="103"/>
      <c r="I69" s="103"/>
      <c r="J69" s="103"/>
      <c r="K69" s="103"/>
      <c r="L69" s="109"/>
      <c r="M69" s="110"/>
      <c r="N69" s="8"/>
    </row>
    <row r="70" spans="1:14" ht="10.5" customHeight="1">
      <c r="A70" s="12"/>
      <c r="B70" s="13"/>
      <c r="C70" s="18"/>
      <c r="D70" s="14"/>
      <c r="E70" s="15" t="s">
        <v>14</v>
      </c>
      <c r="F70" s="15" t="s">
        <v>14</v>
      </c>
      <c r="G70" s="16"/>
      <c r="H70" s="17" t="s">
        <v>14</v>
      </c>
      <c r="I70" s="15" t="s">
        <v>14</v>
      </c>
      <c r="J70" s="18"/>
      <c r="K70" s="17" t="s">
        <v>14</v>
      </c>
      <c r="L70" s="18"/>
      <c r="M70" s="19" t="s">
        <v>14</v>
      </c>
      <c r="N70" s="8"/>
    </row>
    <row r="71" spans="1:14" customFormat="1" ht="29.1" customHeight="1">
      <c r="A71" s="20"/>
      <c r="B71" s="21"/>
      <c r="C71" s="24" t="s">
        <v>45</v>
      </c>
      <c r="D71" s="35" t="s">
        <v>245</v>
      </c>
      <c r="E71" s="23" t="s">
        <v>246</v>
      </c>
      <c r="F71" s="23" t="s">
        <v>247</v>
      </c>
      <c r="G71" s="36"/>
      <c r="H71" s="37" t="s">
        <v>248</v>
      </c>
      <c r="I71" s="23" t="s">
        <v>44</v>
      </c>
      <c r="J71" s="24"/>
      <c r="K71" s="25" t="s">
        <v>203</v>
      </c>
      <c r="L71" s="24" t="s">
        <v>59</v>
      </c>
      <c r="M71" s="26" t="s">
        <v>249</v>
      </c>
    </row>
    <row r="72" spans="1:14" customFormat="1" ht="29.1" customHeight="1">
      <c r="A72" s="20"/>
      <c r="B72" s="21"/>
      <c r="C72" s="42" t="s">
        <v>53</v>
      </c>
      <c r="D72" s="38" t="s">
        <v>250</v>
      </c>
      <c r="E72" s="39" t="s">
        <v>251</v>
      </c>
      <c r="F72" s="39" t="s">
        <v>252</v>
      </c>
      <c r="G72" s="45"/>
      <c r="H72" s="46" t="s">
        <v>252</v>
      </c>
      <c r="I72" s="39" t="s">
        <v>44</v>
      </c>
      <c r="J72" s="42"/>
      <c r="K72" s="43" t="s">
        <v>44</v>
      </c>
      <c r="L72" s="42" t="s">
        <v>59</v>
      </c>
      <c r="M72" s="44" t="s">
        <v>253</v>
      </c>
    </row>
    <row r="73" spans="1:14" customFormat="1" ht="29.1" customHeight="1">
      <c r="A73" s="20"/>
      <c r="B73" s="21"/>
      <c r="C73" s="42" t="s">
        <v>61</v>
      </c>
      <c r="D73" s="38" t="s">
        <v>254</v>
      </c>
      <c r="E73" s="39" t="s">
        <v>255</v>
      </c>
      <c r="F73" s="39" t="s">
        <v>256</v>
      </c>
      <c r="G73" s="45"/>
      <c r="H73" s="46" t="s">
        <v>257</v>
      </c>
      <c r="I73" s="39" t="s">
        <v>44</v>
      </c>
      <c r="J73" s="42"/>
      <c r="K73" s="43" t="s">
        <v>258</v>
      </c>
      <c r="L73" s="42" t="s">
        <v>59</v>
      </c>
      <c r="M73" s="44" t="s">
        <v>259</v>
      </c>
    </row>
    <row r="74" spans="1:14" customFormat="1" ht="29.1" customHeight="1">
      <c r="A74" s="20"/>
      <c r="B74" s="21"/>
      <c r="C74" s="42" t="s">
        <v>65</v>
      </c>
      <c r="D74" s="38" t="s">
        <v>260</v>
      </c>
      <c r="E74" s="39" t="s">
        <v>261</v>
      </c>
      <c r="F74" s="39" t="s">
        <v>262</v>
      </c>
      <c r="G74" s="40"/>
      <c r="H74" s="41" t="s">
        <v>262</v>
      </c>
      <c r="I74" s="39" t="s">
        <v>44</v>
      </c>
      <c r="J74" s="42"/>
      <c r="K74" s="43" t="s">
        <v>44</v>
      </c>
      <c r="L74" s="42" t="s">
        <v>59</v>
      </c>
      <c r="M74" s="44" t="s">
        <v>263</v>
      </c>
    </row>
    <row r="75" spans="1:14" customFormat="1" ht="29.1" customHeight="1">
      <c r="A75" s="20"/>
      <c r="B75" s="21"/>
      <c r="C75" s="42" t="s">
        <v>72</v>
      </c>
      <c r="D75" s="38" t="s">
        <v>264</v>
      </c>
      <c r="E75" s="39" t="s">
        <v>265</v>
      </c>
      <c r="F75" s="39" t="s">
        <v>266</v>
      </c>
      <c r="G75" s="40"/>
      <c r="H75" s="41" t="s">
        <v>267</v>
      </c>
      <c r="I75" s="39" t="s">
        <v>44</v>
      </c>
      <c r="J75" s="42"/>
      <c r="K75" s="43" t="s">
        <v>203</v>
      </c>
      <c r="L75" s="42" t="s">
        <v>59</v>
      </c>
      <c r="M75" s="44" t="s">
        <v>268</v>
      </c>
    </row>
    <row r="76" spans="1:14" customFormat="1" ht="29.1" customHeight="1">
      <c r="A76" s="20"/>
      <c r="B76" s="21"/>
      <c r="C76" s="42" t="s">
        <v>80</v>
      </c>
      <c r="D76" s="38" t="s">
        <v>269</v>
      </c>
      <c r="E76" s="39" t="s">
        <v>270</v>
      </c>
      <c r="F76" s="39" t="s">
        <v>271</v>
      </c>
      <c r="G76" s="45"/>
      <c r="H76" s="46" t="s">
        <v>272</v>
      </c>
      <c r="I76" s="39" t="s">
        <v>44</v>
      </c>
      <c r="J76" s="42"/>
      <c r="K76" s="43" t="s">
        <v>273</v>
      </c>
      <c r="L76" s="42" t="s">
        <v>59</v>
      </c>
      <c r="M76" s="44" t="s">
        <v>274</v>
      </c>
    </row>
    <row r="77" spans="1:14" customFormat="1" ht="29.1" customHeight="1">
      <c r="A77" s="20"/>
      <c r="B77" s="21"/>
      <c r="C77" s="42" t="s">
        <v>85</v>
      </c>
      <c r="D77" s="38" t="s">
        <v>275</v>
      </c>
      <c r="E77" s="39" t="s">
        <v>276</v>
      </c>
      <c r="F77" s="39" t="s">
        <v>277</v>
      </c>
      <c r="G77" s="45"/>
      <c r="H77" s="46" t="s">
        <v>278</v>
      </c>
      <c r="I77" s="39" t="s">
        <v>44</v>
      </c>
      <c r="J77" s="42"/>
      <c r="K77" s="43" t="s">
        <v>279</v>
      </c>
      <c r="L77" s="42" t="s">
        <v>59</v>
      </c>
      <c r="M77" s="44" t="s">
        <v>280</v>
      </c>
    </row>
    <row r="78" spans="1:14" customFormat="1" ht="29.1" customHeight="1">
      <c r="A78" s="20"/>
      <c r="B78" s="21"/>
      <c r="C78" s="42" t="s">
        <v>90</v>
      </c>
      <c r="D78" s="38" t="s">
        <v>281</v>
      </c>
      <c r="E78" s="39" t="s">
        <v>282</v>
      </c>
      <c r="F78" s="39" t="s">
        <v>283</v>
      </c>
      <c r="G78" s="40"/>
      <c r="H78" s="41" t="s">
        <v>283</v>
      </c>
      <c r="I78" s="39" t="s">
        <v>44</v>
      </c>
      <c r="J78" s="42"/>
      <c r="K78" s="43" t="s">
        <v>44</v>
      </c>
      <c r="L78" s="42" t="s">
        <v>59</v>
      </c>
      <c r="M78" s="44" t="s">
        <v>284</v>
      </c>
    </row>
    <row r="79" spans="1:14" customFormat="1" ht="29.1" customHeight="1">
      <c r="A79" s="20"/>
      <c r="B79" s="21"/>
      <c r="C79" s="42" t="s">
        <v>216</v>
      </c>
      <c r="D79" s="38" t="s">
        <v>285</v>
      </c>
      <c r="E79" s="39" t="s">
        <v>286</v>
      </c>
      <c r="F79" s="39" t="s">
        <v>287</v>
      </c>
      <c r="G79" s="45"/>
      <c r="H79" s="46" t="s">
        <v>288</v>
      </c>
      <c r="I79" s="39" t="s">
        <v>289</v>
      </c>
      <c r="J79" s="42"/>
      <c r="K79" s="43" t="s">
        <v>290</v>
      </c>
      <c r="L79" s="42"/>
      <c r="M79" s="44" t="s">
        <v>291</v>
      </c>
    </row>
    <row r="80" spans="1:14" customFormat="1" ht="29.1" customHeight="1">
      <c r="A80" s="56" t="s">
        <v>292</v>
      </c>
      <c r="B80" s="57" t="s">
        <v>293</v>
      </c>
      <c r="C80" s="42"/>
      <c r="D80" s="58"/>
      <c r="E80" s="59" t="s">
        <v>294</v>
      </c>
      <c r="F80" s="59" t="s">
        <v>295</v>
      </c>
      <c r="G80" s="60"/>
      <c r="H80" s="61" t="s">
        <v>295</v>
      </c>
      <c r="I80" s="59" t="s">
        <v>44</v>
      </c>
      <c r="J80" s="62"/>
      <c r="K80" s="63" t="s">
        <v>44</v>
      </c>
      <c r="L80" s="62" t="s">
        <v>59</v>
      </c>
      <c r="M80" s="64" t="s">
        <v>296</v>
      </c>
    </row>
    <row r="81" spans="1:13" customFormat="1" ht="29.1" customHeight="1">
      <c r="A81" s="20"/>
      <c r="B81" s="21"/>
      <c r="C81" s="42" t="s">
        <v>17</v>
      </c>
      <c r="D81" s="38" t="s">
        <v>293</v>
      </c>
      <c r="E81" s="39" t="s">
        <v>294</v>
      </c>
      <c r="F81" s="39" t="s">
        <v>295</v>
      </c>
      <c r="G81" s="40"/>
      <c r="H81" s="41" t="s">
        <v>295</v>
      </c>
      <c r="I81" s="39" t="s">
        <v>44</v>
      </c>
      <c r="J81" s="42"/>
      <c r="K81" s="43" t="s">
        <v>44</v>
      </c>
      <c r="L81" s="42" t="s">
        <v>59</v>
      </c>
      <c r="M81" s="44" t="s">
        <v>296</v>
      </c>
    </row>
    <row r="82" spans="1:13" s="67" customFormat="1" ht="29.1" customHeight="1">
      <c r="A82" s="111" t="s">
        <v>15</v>
      </c>
      <c r="B82" s="112"/>
      <c r="C82" s="112"/>
      <c r="D82" s="112"/>
      <c r="E82" s="68" t="s">
        <v>297</v>
      </c>
      <c r="F82" s="68" t="s">
        <v>298</v>
      </c>
      <c r="G82" s="69" t="s">
        <v>21</v>
      </c>
      <c r="H82" s="70" t="s">
        <v>299</v>
      </c>
      <c r="I82" s="68" t="s">
        <v>300</v>
      </c>
      <c r="J82" s="71"/>
      <c r="K82" s="72" t="s">
        <v>301</v>
      </c>
      <c r="L82" s="71" t="s">
        <v>59</v>
      </c>
      <c r="M82" s="73" t="s">
        <v>302</v>
      </c>
    </row>
  </sheetData>
  <mergeCells count="26">
    <mergeCell ref="L68:M69"/>
    <mergeCell ref="A82:D82"/>
    <mergeCell ref="I36:I37"/>
    <mergeCell ref="J36:K37"/>
    <mergeCell ref="L36:M37"/>
    <mergeCell ref="A68:B69"/>
    <mergeCell ref="C68:D69"/>
    <mergeCell ref="E68:E69"/>
    <mergeCell ref="F68:F69"/>
    <mergeCell ref="G68:H69"/>
    <mergeCell ref="I68:I69"/>
    <mergeCell ref="J68:K69"/>
    <mergeCell ref="A36:B37"/>
    <mergeCell ref="C36:D37"/>
    <mergeCell ref="E36:E37"/>
    <mergeCell ref="F36:F37"/>
    <mergeCell ref="G36:H37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83" right="0.39370078740157483" top="0" bottom="0" header="0.19685039370078741" footer="0.19685039370078741"/>
  <pageSetup paperSize="9" scale="96" pageOrder="overThenDown" orientation="portrait" useFirstPageNumber="1" r:id="rId1"/>
  <rowBreaks count="2" manualBreakCount="2">
    <brk id="32" max="16383" man="1"/>
    <brk id="64" max="16383" man="1"/>
  </rowBreaks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2:S13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6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394</v>
      </c>
      <c r="C7" s="24"/>
      <c r="D7" s="22"/>
      <c r="E7" s="29" t="s">
        <v>395</v>
      </c>
      <c r="F7" s="29" t="s">
        <v>396</v>
      </c>
      <c r="G7" s="30"/>
      <c r="H7" s="31" t="s">
        <v>396</v>
      </c>
      <c r="I7" s="29" t="s">
        <v>44</v>
      </c>
      <c r="J7" s="32"/>
      <c r="K7" s="33" t="s">
        <v>44</v>
      </c>
      <c r="L7" s="32" t="s">
        <v>59</v>
      </c>
      <c r="M7" s="34" t="s">
        <v>397</v>
      </c>
    </row>
    <row r="8" spans="1:19" customFormat="1" ht="29.1" customHeight="1">
      <c r="A8" s="20"/>
      <c r="B8" s="21"/>
      <c r="C8" s="42" t="s">
        <v>17</v>
      </c>
      <c r="D8" s="38" t="s">
        <v>181</v>
      </c>
      <c r="E8" s="39" t="s">
        <v>398</v>
      </c>
      <c r="F8" s="39" t="s">
        <v>399</v>
      </c>
      <c r="G8" s="40"/>
      <c r="H8" s="41" t="s">
        <v>399</v>
      </c>
      <c r="I8" s="39" t="s">
        <v>44</v>
      </c>
      <c r="J8" s="42"/>
      <c r="K8" s="43" t="s">
        <v>44</v>
      </c>
      <c r="L8" s="42"/>
      <c r="M8" s="44" t="s">
        <v>400</v>
      </c>
    </row>
    <row r="9" spans="1:19" customFormat="1" ht="29.1" customHeight="1">
      <c r="A9" s="20"/>
      <c r="B9" s="21"/>
      <c r="C9" s="42" t="s">
        <v>33</v>
      </c>
      <c r="D9" s="38" t="s">
        <v>199</v>
      </c>
      <c r="E9" s="39" t="s">
        <v>401</v>
      </c>
      <c r="F9" s="39" t="s">
        <v>402</v>
      </c>
      <c r="G9" s="40"/>
      <c r="H9" s="41" t="s">
        <v>402</v>
      </c>
      <c r="I9" s="39" t="s">
        <v>44</v>
      </c>
      <c r="J9" s="42"/>
      <c r="K9" s="43" t="s">
        <v>44</v>
      </c>
      <c r="L9" s="42"/>
      <c r="M9" s="44" t="s">
        <v>403</v>
      </c>
    </row>
    <row r="10" spans="1:19" customFormat="1" ht="29.1" customHeight="1">
      <c r="A10" s="20"/>
      <c r="B10" s="21"/>
      <c r="C10" s="42" t="s">
        <v>41</v>
      </c>
      <c r="D10" s="38" t="s">
        <v>205</v>
      </c>
      <c r="E10" s="39" t="s">
        <v>404</v>
      </c>
      <c r="F10" s="39" t="s">
        <v>405</v>
      </c>
      <c r="G10" s="45"/>
      <c r="H10" s="46" t="s">
        <v>405</v>
      </c>
      <c r="I10" s="39" t="s">
        <v>44</v>
      </c>
      <c r="J10" s="42"/>
      <c r="K10" s="43" t="s">
        <v>44</v>
      </c>
      <c r="L10" s="42" t="s">
        <v>59</v>
      </c>
      <c r="M10" s="44" t="s">
        <v>406</v>
      </c>
    </row>
    <row r="11" spans="1:19" customFormat="1" ht="29.1" customHeight="1">
      <c r="A11" s="20"/>
      <c r="B11" s="21"/>
      <c r="C11" s="42" t="s">
        <v>45</v>
      </c>
      <c r="D11" s="38" t="s">
        <v>222</v>
      </c>
      <c r="E11" s="39" t="s">
        <v>407</v>
      </c>
      <c r="F11" s="39" t="s">
        <v>408</v>
      </c>
      <c r="G11" s="40"/>
      <c r="H11" s="41" t="s">
        <v>408</v>
      </c>
      <c r="I11" s="39" t="s">
        <v>44</v>
      </c>
      <c r="J11" s="42"/>
      <c r="K11" s="43" t="s">
        <v>44</v>
      </c>
      <c r="L11" s="42" t="s">
        <v>59</v>
      </c>
      <c r="M11" s="44" t="s">
        <v>409</v>
      </c>
    </row>
    <row r="12" spans="1:19" customFormat="1" ht="29.1" customHeight="1">
      <c r="A12" s="20"/>
      <c r="B12" s="21"/>
      <c r="C12" s="42" t="s">
        <v>53</v>
      </c>
      <c r="D12" s="38" t="s">
        <v>217</v>
      </c>
      <c r="E12" s="39" t="s">
        <v>410</v>
      </c>
      <c r="F12" s="39" t="s">
        <v>411</v>
      </c>
      <c r="G12" s="45"/>
      <c r="H12" s="46" t="s">
        <v>411</v>
      </c>
      <c r="I12" s="39" t="s">
        <v>44</v>
      </c>
      <c r="J12" s="42"/>
      <c r="K12" s="43" t="s">
        <v>44</v>
      </c>
      <c r="L12" s="42"/>
      <c r="M12" s="44" t="s">
        <v>412</v>
      </c>
    </row>
    <row r="13" spans="1:19" s="67" customFormat="1" ht="29.1" customHeight="1">
      <c r="A13" s="111" t="s">
        <v>15</v>
      </c>
      <c r="B13" s="112"/>
      <c r="C13" s="112"/>
      <c r="D13" s="112"/>
      <c r="E13" s="68" t="s">
        <v>395</v>
      </c>
      <c r="F13" s="68" t="s">
        <v>396</v>
      </c>
      <c r="G13" s="74"/>
      <c r="H13" s="75" t="s">
        <v>396</v>
      </c>
      <c r="I13" s="68" t="s">
        <v>44</v>
      </c>
      <c r="J13" s="71"/>
      <c r="K13" s="72" t="s">
        <v>44</v>
      </c>
      <c r="L13" s="71" t="s">
        <v>59</v>
      </c>
      <c r="M13" s="73" t="s">
        <v>397</v>
      </c>
    </row>
  </sheetData>
  <mergeCells count="10">
    <mergeCell ref="A13:D13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2:S12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7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413</v>
      </c>
      <c r="C7" s="24"/>
      <c r="D7" s="22"/>
      <c r="E7" s="29" t="s">
        <v>414</v>
      </c>
      <c r="F7" s="29" t="s">
        <v>415</v>
      </c>
      <c r="G7" s="30"/>
      <c r="H7" s="31" t="s">
        <v>415</v>
      </c>
      <c r="I7" s="29" t="s">
        <v>44</v>
      </c>
      <c r="J7" s="32"/>
      <c r="K7" s="33" t="s">
        <v>44</v>
      </c>
      <c r="L7" s="32"/>
      <c r="M7" s="34" t="s">
        <v>416</v>
      </c>
    </row>
    <row r="8" spans="1:19" customFormat="1" ht="29.1" customHeight="1">
      <c r="A8" s="20"/>
      <c r="B8" s="21"/>
      <c r="C8" s="42" t="s">
        <v>17</v>
      </c>
      <c r="D8" s="38" t="s">
        <v>307</v>
      </c>
      <c r="E8" s="39" t="s">
        <v>417</v>
      </c>
      <c r="F8" s="39" t="s">
        <v>418</v>
      </c>
      <c r="G8" s="40"/>
      <c r="H8" s="41" t="s">
        <v>418</v>
      </c>
      <c r="I8" s="39" t="s">
        <v>44</v>
      </c>
      <c r="J8" s="42"/>
      <c r="K8" s="43" t="s">
        <v>44</v>
      </c>
      <c r="L8" s="42" t="s">
        <v>59</v>
      </c>
      <c r="M8" s="44" t="s">
        <v>419</v>
      </c>
    </row>
    <row r="9" spans="1:19" customFormat="1" ht="29.1" customHeight="1">
      <c r="A9" s="20"/>
      <c r="B9" s="21"/>
      <c r="C9" s="42" t="s">
        <v>33</v>
      </c>
      <c r="D9" s="38" t="s">
        <v>205</v>
      </c>
      <c r="E9" s="39" t="s">
        <v>420</v>
      </c>
      <c r="F9" s="39" t="s">
        <v>421</v>
      </c>
      <c r="G9" s="40"/>
      <c r="H9" s="41" t="s">
        <v>421</v>
      </c>
      <c r="I9" s="39" t="s">
        <v>44</v>
      </c>
      <c r="J9" s="42"/>
      <c r="K9" s="43" t="s">
        <v>44</v>
      </c>
      <c r="L9" s="42" t="s">
        <v>59</v>
      </c>
      <c r="M9" s="44" t="s">
        <v>422</v>
      </c>
    </row>
    <row r="10" spans="1:19" customFormat="1" ht="29.1" customHeight="1">
      <c r="A10" s="20"/>
      <c r="B10" s="21"/>
      <c r="C10" s="42" t="s">
        <v>41</v>
      </c>
      <c r="D10" s="38" t="s">
        <v>217</v>
      </c>
      <c r="E10" s="39" t="s">
        <v>423</v>
      </c>
      <c r="F10" s="39" t="s">
        <v>424</v>
      </c>
      <c r="G10" s="45"/>
      <c r="H10" s="46" t="s">
        <v>424</v>
      </c>
      <c r="I10" s="39" t="s">
        <v>44</v>
      </c>
      <c r="J10" s="42"/>
      <c r="K10" s="43" t="s">
        <v>44</v>
      </c>
      <c r="L10" s="42"/>
      <c r="M10" s="44" t="s">
        <v>425</v>
      </c>
    </row>
    <row r="11" spans="1:19" customFormat="1" ht="29.1" customHeight="1">
      <c r="A11" s="20"/>
      <c r="B11" s="21"/>
      <c r="C11" s="42" t="s">
        <v>45</v>
      </c>
      <c r="D11" s="38" t="s">
        <v>222</v>
      </c>
      <c r="E11" s="39" t="s">
        <v>82</v>
      </c>
      <c r="F11" s="39" t="s">
        <v>426</v>
      </c>
      <c r="G11" s="40"/>
      <c r="H11" s="41" t="s">
        <v>426</v>
      </c>
      <c r="I11" s="39" t="s">
        <v>44</v>
      </c>
      <c r="J11" s="42"/>
      <c r="K11" s="43" t="s">
        <v>44</v>
      </c>
      <c r="L11" s="42"/>
      <c r="M11" s="44" t="s">
        <v>427</v>
      </c>
    </row>
    <row r="12" spans="1:19" s="67" customFormat="1" ht="29.1" customHeight="1">
      <c r="A12" s="111" t="s">
        <v>15</v>
      </c>
      <c r="B12" s="112"/>
      <c r="C12" s="112"/>
      <c r="D12" s="112"/>
      <c r="E12" s="68" t="s">
        <v>414</v>
      </c>
      <c r="F12" s="68" t="s">
        <v>415</v>
      </c>
      <c r="G12" s="74"/>
      <c r="H12" s="75" t="s">
        <v>415</v>
      </c>
      <c r="I12" s="68" t="s">
        <v>44</v>
      </c>
      <c r="J12" s="71"/>
      <c r="K12" s="72" t="s">
        <v>44</v>
      </c>
      <c r="L12" s="71"/>
      <c r="M12" s="73" t="s">
        <v>416</v>
      </c>
    </row>
  </sheetData>
  <mergeCells count="10">
    <mergeCell ref="A12:D12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2:S10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8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428</v>
      </c>
      <c r="C7" s="24"/>
      <c r="D7" s="22"/>
      <c r="E7" s="29" t="s">
        <v>429</v>
      </c>
      <c r="F7" s="29" t="s">
        <v>430</v>
      </c>
      <c r="G7" s="30"/>
      <c r="H7" s="31" t="s">
        <v>430</v>
      </c>
      <c r="I7" s="29" t="s">
        <v>44</v>
      </c>
      <c r="J7" s="32"/>
      <c r="K7" s="33" t="s">
        <v>44</v>
      </c>
      <c r="L7" s="32" t="s">
        <v>59</v>
      </c>
      <c r="M7" s="34" t="s">
        <v>431</v>
      </c>
    </row>
    <row r="8" spans="1:19" customFormat="1" ht="29.1" customHeight="1">
      <c r="A8" s="20"/>
      <c r="B8" s="21"/>
      <c r="C8" s="42" t="s">
        <v>17</v>
      </c>
      <c r="D8" s="38" t="s">
        <v>181</v>
      </c>
      <c r="E8" s="39" t="s">
        <v>432</v>
      </c>
      <c r="F8" s="39" t="s">
        <v>430</v>
      </c>
      <c r="G8" s="40"/>
      <c r="H8" s="41" t="s">
        <v>430</v>
      </c>
      <c r="I8" s="39" t="s">
        <v>44</v>
      </c>
      <c r="J8" s="42"/>
      <c r="K8" s="43" t="s">
        <v>44</v>
      </c>
      <c r="L8" s="42" t="s">
        <v>59</v>
      </c>
      <c r="M8" s="44" t="s">
        <v>433</v>
      </c>
    </row>
    <row r="9" spans="1:19" customFormat="1" ht="29.1" customHeight="1">
      <c r="A9" s="20"/>
      <c r="B9" s="21"/>
      <c r="C9" s="42" t="s">
        <v>33</v>
      </c>
      <c r="D9" s="38" t="s">
        <v>222</v>
      </c>
      <c r="E9" s="39" t="s">
        <v>82</v>
      </c>
      <c r="F9" s="39" t="s">
        <v>44</v>
      </c>
      <c r="G9" s="40"/>
      <c r="H9" s="41" t="s">
        <v>44</v>
      </c>
      <c r="I9" s="39" t="s">
        <v>44</v>
      </c>
      <c r="J9" s="42"/>
      <c r="K9" s="43" t="s">
        <v>44</v>
      </c>
      <c r="L9" s="42" t="s">
        <v>59</v>
      </c>
      <c r="M9" s="44" t="s">
        <v>82</v>
      </c>
    </row>
    <row r="10" spans="1:19" s="67" customFormat="1" ht="29.1" customHeight="1">
      <c r="A10" s="111" t="s">
        <v>15</v>
      </c>
      <c r="B10" s="112"/>
      <c r="C10" s="112"/>
      <c r="D10" s="112"/>
      <c r="E10" s="68" t="s">
        <v>429</v>
      </c>
      <c r="F10" s="68" t="s">
        <v>430</v>
      </c>
      <c r="G10" s="74"/>
      <c r="H10" s="75" t="s">
        <v>430</v>
      </c>
      <c r="I10" s="68" t="s">
        <v>44</v>
      </c>
      <c r="J10" s="71"/>
      <c r="K10" s="72" t="s">
        <v>44</v>
      </c>
      <c r="L10" s="71" t="s">
        <v>59</v>
      </c>
      <c r="M10" s="73" t="s">
        <v>431</v>
      </c>
    </row>
  </sheetData>
  <mergeCells count="10">
    <mergeCell ref="A10:D10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A2:S12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9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434</v>
      </c>
      <c r="C7" s="24"/>
      <c r="D7" s="22"/>
      <c r="E7" s="29" t="s">
        <v>435</v>
      </c>
      <c r="F7" s="29" t="s">
        <v>436</v>
      </c>
      <c r="G7" s="30" t="s">
        <v>21</v>
      </c>
      <c r="H7" s="31" t="s">
        <v>437</v>
      </c>
      <c r="I7" s="29" t="s">
        <v>438</v>
      </c>
      <c r="J7" s="32"/>
      <c r="K7" s="33" t="s">
        <v>439</v>
      </c>
      <c r="L7" s="32"/>
      <c r="M7" s="34" t="s">
        <v>440</v>
      </c>
    </row>
    <row r="8" spans="1:19" customFormat="1" ht="29.1" customHeight="1">
      <c r="A8" s="20"/>
      <c r="B8" s="21"/>
      <c r="C8" s="42" t="s">
        <v>17</v>
      </c>
      <c r="D8" s="38" t="s">
        <v>307</v>
      </c>
      <c r="E8" s="39" t="s">
        <v>441</v>
      </c>
      <c r="F8" s="39" t="s">
        <v>442</v>
      </c>
      <c r="G8" s="40" t="s">
        <v>21</v>
      </c>
      <c r="H8" s="41" t="s">
        <v>443</v>
      </c>
      <c r="I8" s="39" t="s">
        <v>444</v>
      </c>
      <c r="J8" s="42"/>
      <c r="K8" s="43" t="s">
        <v>445</v>
      </c>
      <c r="L8" s="42"/>
      <c r="M8" s="44" t="s">
        <v>446</v>
      </c>
    </row>
    <row r="9" spans="1:19" customFormat="1" ht="29.1" customHeight="1">
      <c r="A9" s="20"/>
      <c r="B9" s="21"/>
      <c r="C9" s="42" t="s">
        <v>33</v>
      </c>
      <c r="D9" s="38" t="s">
        <v>205</v>
      </c>
      <c r="E9" s="39" t="s">
        <v>447</v>
      </c>
      <c r="F9" s="39" t="s">
        <v>447</v>
      </c>
      <c r="G9" s="40"/>
      <c r="H9" s="41" t="s">
        <v>447</v>
      </c>
      <c r="I9" s="39" t="s">
        <v>44</v>
      </c>
      <c r="J9" s="42"/>
      <c r="K9" s="43" t="s">
        <v>44</v>
      </c>
      <c r="L9" s="42"/>
      <c r="M9" s="44" t="s">
        <v>44</v>
      </c>
    </row>
    <row r="10" spans="1:19" customFormat="1" ht="29.1" customHeight="1">
      <c r="A10" s="20"/>
      <c r="B10" s="21"/>
      <c r="C10" s="42" t="s">
        <v>41</v>
      </c>
      <c r="D10" s="38" t="s">
        <v>217</v>
      </c>
      <c r="E10" s="39" t="s">
        <v>448</v>
      </c>
      <c r="F10" s="39" t="s">
        <v>449</v>
      </c>
      <c r="G10" s="45"/>
      <c r="H10" s="46" t="s">
        <v>449</v>
      </c>
      <c r="I10" s="39" t="s">
        <v>44</v>
      </c>
      <c r="J10" s="42"/>
      <c r="K10" s="43" t="s">
        <v>44</v>
      </c>
      <c r="L10" s="42"/>
      <c r="M10" s="44" t="s">
        <v>450</v>
      </c>
    </row>
    <row r="11" spans="1:19" customFormat="1" ht="29.1" customHeight="1">
      <c r="A11" s="20"/>
      <c r="B11" s="21"/>
      <c r="C11" s="42" t="s">
        <v>45</v>
      </c>
      <c r="D11" s="38" t="s">
        <v>222</v>
      </c>
      <c r="E11" s="39" t="s">
        <v>451</v>
      </c>
      <c r="F11" s="39" t="s">
        <v>452</v>
      </c>
      <c r="G11" s="40"/>
      <c r="H11" s="41" t="s">
        <v>453</v>
      </c>
      <c r="I11" s="39" t="s">
        <v>454</v>
      </c>
      <c r="J11" s="42"/>
      <c r="K11" s="43" t="s">
        <v>455</v>
      </c>
      <c r="L11" s="42"/>
      <c r="M11" s="44" t="s">
        <v>456</v>
      </c>
    </row>
    <row r="12" spans="1:19" s="67" customFormat="1" ht="29.1" customHeight="1">
      <c r="A12" s="111" t="s">
        <v>15</v>
      </c>
      <c r="B12" s="112"/>
      <c r="C12" s="112"/>
      <c r="D12" s="112"/>
      <c r="E12" s="68" t="s">
        <v>435</v>
      </c>
      <c r="F12" s="68" t="s">
        <v>436</v>
      </c>
      <c r="G12" s="69" t="s">
        <v>21</v>
      </c>
      <c r="H12" s="70" t="s">
        <v>457</v>
      </c>
      <c r="I12" s="68" t="s">
        <v>438</v>
      </c>
      <c r="J12" s="71"/>
      <c r="K12" s="72" t="s">
        <v>439</v>
      </c>
      <c r="L12" s="71"/>
      <c r="M12" s="73" t="s">
        <v>440</v>
      </c>
    </row>
  </sheetData>
  <mergeCells count="10">
    <mergeCell ref="A12:D12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/>
  <dimension ref="A2:S14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70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458</v>
      </c>
      <c r="C7" s="24"/>
      <c r="D7" s="22"/>
      <c r="E7" s="29" t="s">
        <v>459</v>
      </c>
      <c r="F7" s="29" t="s">
        <v>460</v>
      </c>
      <c r="G7" s="30"/>
      <c r="H7" s="31" t="s">
        <v>460</v>
      </c>
      <c r="I7" s="29" t="s">
        <v>44</v>
      </c>
      <c r="J7" s="32"/>
      <c r="K7" s="33" t="s">
        <v>44</v>
      </c>
      <c r="L7" s="32"/>
      <c r="M7" s="34" t="s">
        <v>461</v>
      </c>
    </row>
    <row r="8" spans="1:19" customFormat="1" ht="29.1" customHeight="1">
      <c r="A8" s="20"/>
      <c r="B8" s="21"/>
      <c r="C8" s="42" t="s">
        <v>17</v>
      </c>
      <c r="D8" s="38" t="s">
        <v>126</v>
      </c>
      <c r="E8" s="39" t="s">
        <v>462</v>
      </c>
      <c r="F8" s="39" t="s">
        <v>463</v>
      </c>
      <c r="G8" s="40"/>
      <c r="H8" s="41" t="s">
        <v>463</v>
      </c>
      <c r="I8" s="39" t="s">
        <v>44</v>
      </c>
      <c r="J8" s="42"/>
      <c r="K8" s="43" t="s">
        <v>44</v>
      </c>
      <c r="L8" s="42"/>
      <c r="M8" s="44" t="s">
        <v>464</v>
      </c>
    </row>
    <row r="9" spans="1:19" customFormat="1" ht="29.1" customHeight="1">
      <c r="A9" s="20"/>
      <c r="B9" s="21"/>
      <c r="C9" s="42" t="s">
        <v>33</v>
      </c>
      <c r="D9" s="38" t="s">
        <v>165</v>
      </c>
      <c r="E9" s="39" t="s">
        <v>465</v>
      </c>
      <c r="F9" s="39" t="s">
        <v>466</v>
      </c>
      <c r="G9" s="40"/>
      <c r="H9" s="41" t="s">
        <v>466</v>
      </c>
      <c r="I9" s="39" t="s">
        <v>44</v>
      </c>
      <c r="J9" s="42"/>
      <c r="K9" s="43" t="s">
        <v>44</v>
      </c>
      <c r="L9" s="42"/>
      <c r="M9" s="44" t="s">
        <v>467</v>
      </c>
    </row>
    <row r="10" spans="1:19" customFormat="1" ht="29.1" customHeight="1">
      <c r="A10" s="20"/>
      <c r="B10" s="21"/>
      <c r="C10" s="42" t="s">
        <v>41</v>
      </c>
      <c r="D10" s="38" t="s">
        <v>181</v>
      </c>
      <c r="E10" s="39" t="s">
        <v>468</v>
      </c>
      <c r="F10" s="39" t="s">
        <v>469</v>
      </c>
      <c r="G10" s="45"/>
      <c r="H10" s="46" t="s">
        <v>469</v>
      </c>
      <c r="I10" s="39" t="s">
        <v>44</v>
      </c>
      <c r="J10" s="42"/>
      <c r="K10" s="43" t="s">
        <v>44</v>
      </c>
      <c r="L10" s="42" t="s">
        <v>59</v>
      </c>
      <c r="M10" s="44" t="s">
        <v>470</v>
      </c>
    </row>
    <row r="11" spans="1:19" customFormat="1" ht="29.1" customHeight="1">
      <c r="A11" s="20"/>
      <c r="B11" s="21"/>
      <c r="C11" s="42" t="s">
        <v>45</v>
      </c>
      <c r="D11" s="38" t="s">
        <v>205</v>
      </c>
      <c r="E11" s="39" t="s">
        <v>471</v>
      </c>
      <c r="F11" s="39" t="s">
        <v>472</v>
      </c>
      <c r="G11" s="40"/>
      <c r="H11" s="41" t="s">
        <v>472</v>
      </c>
      <c r="I11" s="39" t="s">
        <v>44</v>
      </c>
      <c r="J11" s="42"/>
      <c r="K11" s="43" t="s">
        <v>44</v>
      </c>
      <c r="L11" s="42" t="s">
        <v>59</v>
      </c>
      <c r="M11" s="44" t="s">
        <v>473</v>
      </c>
    </row>
    <row r="12" spans="1:19" customFormat="1" ht="29.1" customHeight="1">
      <c r="A12" s="20"/>
      <c r="B12" s="21"/>
      <c r="C12" s="42" t="s">
        <v>53</v>
      </c>
      <c r="D12" s="38" t="s">
        <v>222</v>
      </c>
      <c r="E12" s="39" t="s">
        <v>474</v>
      </c>
      <c r="F12" s="39" t="s">
        <v>475</v>
      </c>
      <c r="G12" s="45"/>
      <c r="H12" s="46" t="s">
        <v>475</v>
      </c>
      <c r="I12" s="39" t="s">
        <v>44</v>
      </c>
      <c r="J12" s="42"/>
      <c r="K12" s="43" t="s">
        <v>44</v>
      </c>
      <c r="L12" s="42"/>
      <c r="M12" s="44" t="s">
        <v>476</v>
      </c>
    </row>
    <row r="13" spans="1:19" customFormat="1" ht="29.1" customHeight="1">
      <c r="A13" s="20"/>
      <c r="B13" s="21"/>
      <c r="C13" s="42" t="s">
        <v>61</v>
      </c>
      <c r="D13" s="38" t="s">
        <v>217</v>
      </c>
      <c r="E13" s="39" t="s">
        <v>477</v>
      </c>
      <c r="F13" s="39" t="s">
        <v>478</v>
      </c>
      <c r="G13" s="45"/>
      <c r="H13" s="46" t="s">
        <v>478</v>
      </c>
      <c r="I13" s="39" t="s">
        <v>44</v>
      </c>
      <c r="J13" s="42"/>
      <c r="K13" s="43" t="s">
        <v>44</v>
      </c>
      <c r="L13" s="42"/>
      <c r="M13" s="44" t="s">
        <v>479</v>
      </c>
    </row>
    <row r="14" spans="1:19" s="67" customFormat="1" ht="29.1" customHeight="1">
      <c r="A14" s="111" t="s">
        <v>15</v>
      </c>
      <c r="B14" s="112"/>
      <c r="C14" s="112"/>
      <c r="D14" s="112"/>
      <c r="E14" s="68" t="s">
        <v>459</v>
      </c>
      <c r="F14" s="68" t="s">
        <v>460</v>
      </c>
      <c r="G14" s="74"/>
      <c r="H14" s="75" t="s">
        <v>460</v>
      </c>
      <c r="I14" s="68" t="s">
        <v>44</v>
      </c>
      <c r="J14" s="71"/>
      <c r="K14" s="72" t="s">
        <v>44</v>
      </c>
      <c r="L14" s="71"/>
      <c r="M14" s="73" t="s">
        <v>461</v>
      </c>
    </row>
  </sheetData>
  <mergeCells count="10">
    <mergeCell ref="A14:D14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/>
  <dimension ref="A2:S10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71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480</v>
      </c>
      <c r="C7" s="24"/>
      <c r="D7" s="22"/>
      <c r="E7" s="29" t="s">
        <v>481</v>
      </c>
      <c r="F7" s="29" t="s">
        <v>482</v>
      </c>
      <c r="G7" s="30"/>
      <c r="H7" s="31" t="s">
        <v>482</v>
      </c>
      <c r="I7" s="29" t="s">
        <v>44</v>
      </c>
      <c r="J7" s="32"/>
      <c r="K7" s="33" t="s">
        <v>44</v>
      </c>
      <c r="L7" s="32" t="s">
        <v>59</v>
      </c>
      <c r="M7" s="34" t="s">
        <v>483</v>
      </c>
    </row>
    <row r="8" spans="1:19" customFormat="1" ht="29.1" customHeight="1">
      <c r="A8" s="20"/>
      <c r="B8" s="21"/>
      <c r="C8" s="42" t="s">
        <v>17</v>
      </c>
      <c r="D8" s="38" t="s">
        <v>307</v>
      </c>
      <c r="E8" s="39" t="s">
        <v>484</v>
      </c>
      <c r="F8" s="39" t="s">
        <v>485</v>
      </c>
      <c r="G8" s="40"/>
      <c r="H8" s="41" t="s">
        <v>485</v>
      </c>
      <c r="I8" s="39" t="s">
        <v>44</v>
      </c>
      <c r="J8" s="42"/>
      <c r="K8" s="43" t="s">
        <v>44</v>
      </c>
      <c r="L8" s="42" t="s">
        <v>59</v>
      </c>
      <c r="M8" s="44" t="s">
        <v>486</v>
      </c>
    </row>
    <row r="9" spans="1:19" customFormat="1" ht="29.1" customHeight="1">
      <c r="A9" s="20"/>
      <c r="B9" s="21"/>
      <c r="C9" s="42" t="s">
        <v>33</v>
      </c>
      <c r="D9" s="38" t="s">
        <v>293</v>
      </c>
      <c r="E9" s="39" t="s">
        <v>487</v>
      </c>
      <c r="F9" s="39" t="s">
        <v>488</v>
      </c>
      <c r="G9" s="40"/>
      <c r="H9" s="41" t="s">
        <v>488</v>
      </c>
      <c r="I9" s="39" t="s">
        <v>44</v>
      </c>
      <c r="J9" s="42"/>
      <c r="K9" s="43" t="s">
        <v>44</v>
      </c>
      <c r="L9" s="42" t="s">
        <v>59</v>
      </c>
      <c r="M9" s="44" t="s">
        <v>489</v>
      </c>
    </row>
    <row r="10" spans="1:19" s="67" customFormat="1" ht="29.1" customHeight="1">
      <c r="A10" s="111" t="s">
        <v>15</v>
      </c>
      <c r="B10" s="112"/>
      <c r="C10" s="112"/>
      <c r="D10" s="112"/>
      <c r="E10" s="68" t="s">
        <v>481</v>
      </c>
      <c r="F10" s="68" t="s">
        <v>482</v>
      </c>
      <c r="G10" s="74"/>
      <c r="H10" s="75" t="s">
        <v>482</v>
      </c>
      <c r="I10" s="68" t="s">
        <v>44</v>
      </c>
      <c r="J10" s="71"/>
      <c r="K10" s="72" t="s">
        <v>44</v>
      </c>
      <c r="L10" s="71" t="s">
        <v>59</v>
      </c>
      <c r="M10" s="73" t="s">
        <v>483</v>
      </c>
    </row>
  </sheetData>
  <mergeCells count="10">
    <mergeCell ref="A10:D10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2:S14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72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490</v>
      </c>
      <c r="C7" s="24"/>
      <c r="D7" s="22"/>
      <c r="E7" s="29" t="s">
        <v>491</v>
      </c>
      <c r="F7" s="29" t="s">
        <v>492</v>
      </c>
      <c r="G7" s="30"/>
      <c r="H7" s="31" t="s">
        <v>493</v>
      </c>
      <c r="I7" s="29" t="s">
        <v>44</v>
      </c>
      <c r="J7" s="32"/>
      <c r="K7" s="33" t="s">
        <v>494</v>
      </c>
      <c r="L7" s="32"/>
      <c r="M7" s="34" t="s">
        <v>495</v>
      </c>
    </row>
    <row r="8" spans="1:19" customFormat="1" ht="29.1" customHeight="1">
      <c r="A8" s="20"/>
      <c r="B8" s="21"/>
      <c r="C8" s="42" t="s">
        <v>17</v>
      </c>
      <c r="D8" s="38" t="s">
        <v>307</v>
      </c>
      <c r="E8" s="39" t="s">
        <v>496</v>
      </c>
      <c r="F8" s="39" t="s">
        <v>497</v>
      </c>
      <c r="G8" s="40"/>
      <c r="H8" s="41" t="s">
        <v>498</v>
      </c>
      <c r="I8" s="39" t="s">
        <v>44</v>
      </c>
      <c r="J8" s="42"/>
      <c r="K8" s="43" t="s">
        <v>499</v>
      </c>
      <c r="L8" s="42"/>
      <c r="M8" s="44" t="s">
        <v>500</v>
      </c>
    </row>
    <row r="9" spans="1:19" customFormat="1" ht="29.1" customHeight="1">
      <c r="A9" s="20"/>
      <c r="B9" s="21"/>
      <c r="C9" s="42" t="s">
        <v>33</v>
      </c>
      <c r="D9" s="38" t="s">
        <v>205</v>
      </c>
      <c r="E9" s="39" t="s">
        <v>501</v>
      </c>
      <c r="F9" s="39" t="s">
        <v>502</v>
      </c>
      <c r="G9" s="40"/>
      <c r="H9" s="41" t="s">
        <v>502</v>
      </c>
      <c r="I9" s="39" t="s">
        <v>44</v>
      </c>
      <c r="J9" s="42"/>
      <c r="K9" s="43" t="s">
        <v>44</v>
      </c>
      <c r="L9" s="42" t="s">
        <v>59</v>
      </c>
      <c r="M9" s="44" t="s">
        <v>503</v>
      </c>
    </row>
    <row r="10" spans="1:19" customFormat="1" ht="29.1" customHeight="1">
      <c r="A10" s="20"/>
      <c r="B10" s="21"/>
      <c r="C10" s="42" t="s">
        <v>41</v>
      </c>
      <c r="D10" s="38" t="s">
        <v>217</v>
      </c>
      <c r="E10" s="39" t="s">
        <v>504</v>
      </c>
      <c r="F10" s="39" t="s">
        <v>505</v>
      </c>
      <c r="G10" s="45"/>
      <c r="H10" s="46" t="s">
        <v>505</v>
      </c>
      <c r="I10" s="39" t="s">
        <v>44</v>
      </c>
      <c r="J10" s="42"/>
      <c r="K10" s="43" t="s">
        <v>44</v>
      </c>
      <c r="L10" s="42"/>
      <c r="M10" s="44" t="s">
        <v>506</v>
      </c>
    </row>
    <row r="11" spans="1:19" customFormat="1" ht="29.1" customHeight="1">
      <c r="A11" s="20"/>
      <c r="B11" s="21"/>
      <c r="C11" s="42" t="s">
        <v>45</v>
      </c>
      <c r="D11" s="38" t="s">
        <v>222</v>
      </c>
      <c r="E11" s="39" t="s">
        <v>507</v>
      </c>
      <c r="F11" s="39" t="s">
        <v>508</v>
      </c>
      <c r="G11" s="40"/>
      <c r="H11" s="41" t="s">
        <v>509</v>
      </c>
      <c r="I11" s="39" t="s">
        <v>44</v>
      </c>
      <c r="J11" s="42"/>
      <c r="K11" s="43" t="s">
        <v>510</v>
      </c>
      <c r="L11" s="42" t="s">
        <v>59</v>
      </c>
      <c r="M11" s="44" t="s">
        <v>511</v>
      </c>
    </row>
    <row r="12" spans="1:19" customFormat="1" ht="29.1" customHeight="1">
      <c r="A12" s="20"/>
      <c r="B12" s="21"/>
      <c r="C12" s="42" t="s">
        <v>53</v>
      </c>
      <c r="D12" s="38" t="s">
        <v>293</v>
      </c>
      <c r="E12" s="39" t="s">
        <v>512</v>
      </c>
      <c r="F12" s="39" t="s">
        <v>513</v>
      </c>
      <c r="G12" s="45"/>
      <c r="H12" s="46" t="s">
        <v>513</v>
      </c>
      <c r="I12" s="39" t="s">
        <v>44</v>
      </c>
      <c r="J12" s="42"/>
      <c r="K12" s="43" t="s">
        <v>44</v>
      </c>
      <c r="L12" s="42" t="s">
        <v>59</v>
      </c>
      <c r="M12" s="44" t="s">
        <v>514</v>
      </c>
    </row>
    <row r="13" spans="1:19" customFormat="1" ht="29.1" customHeight="1">
      <c r="A13" s="20"/>
      <c r="B13" s="21"/>
      <c r="C13" s="42" t="s">
        <v>61</v>
      </c>
      <c r="D13" s="38" t="s">
        <v>165</v>
      </c>
      <c r="E13" s="39" t="s">
        <v>515</v>
      </c>
      <c r="F13" s="39" t="s">
        <v>516</v>
      </c>
      <c r="G13" s="45"/>
      <c r="H13" s="46" t="s">
        <v>516</v>
      </c>
      <c r="I13" s="39" t="s">
        <v>44</v>
      </c>
      <c r="J13" s="42"/>
      <c r="K13" s="43" t="s">
        <v>44</v>
      </c>
      <c r="L13" s="42" t="s">
        <v>59</v>
      </c>
      <c r="M13" s="44" t="s">
        <v>517</v>
      </c>
    </row>
    <row r="14" spans="1:19" s="67" customFormat="1" ht="29.1" customHeight="1">
      <c r="A14" s="111" t="s">
        <v>15</v>
      </c>
      <c r="B14" s="112"/>
      <c r="C14" s="112"/>
      <c r="D14" s="112"/>
      <c r="E14" s="68" t="s">
        <v>491</v>
      </c>
      <c r="F14" s="68" t="s">
        <v>492</v>
      </c>
      <c r="G14" s="74"/>
      <c r="H14" s="75" t="s">
        <v>493</v>
      </c>
      <c r="I14" s="68" t="s">
        <v>44</v>
      </c>
      <c r="J14" s="71"/>
      <c r="K14" s="72" t="s">
        <v>494</v>
      </c>
      <c r="L14" s="71"/>
      <c r="M14" s="73" t="s">
        <v>495</v>
      </c>
    </row>
  </sheetData>
  <mergeCells count="10">
    <mergeCell ref="A14:D14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/>
  <dimension ref="A2:S17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73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518</v>
      </c>
      <c r="C7" s="24"/>
      <c r="D7" s="22"/>
      <c r="E7" s="29" t="s">
        <v>519</v>
      </c>
      <c r="F7" s="29" t="s">
        <v>520</v>
      </c>
      <c r="G7" s="30"/>
      <c r="H7" s="31" t="s">
        <v>521</v>
      </c>
      <c r="I7" s="29" t="s">
        <v>522</v>
      </c>
      <c r="J7" s="32"/>
      <c r="K7" s="33" t="s">
        <v>523</v>
      </c>
      <c r="L7" s="32" t="s">
        <v>59</v>
      </c>
      <c r="M7" s="34" t="s">
        <v>524</v>
      </c>
    </row>
    <row r="8" spans="1:19" customFormat="1" ht="29.1" customHeight="1">
      <c r="A8" s="20"/>
      <c r="B8" s="21"/>
      <c r="C8" s="42" t="s">
        <v>17</v>
      </c>
      <c r="D8" s="38" t="s">
        <v>260</v>
      </c>
      <c r="E8" s="39" t="s">
        <v>525</v>
      </c>
      <c r="F8" s="39" t="s">
        <v>526</v>
      </c>
      <c r="G8" s="40"/>
      <c r="H8" s="41" t="s">
        <v>527</v>
      </c>
      <c r="I8" s="39" t="s">
        <v>522</v>
      </c>
      <c r="J8" s="42"/>
      <c r="K8" s="43" t="s">
        <v>528</v>
      </c>
      <c r="L8" s="42"/>
      <c r="M8" s="44" t="s">
        <v>529</v>
      </c>
    </row>
    <row r="9" spans="1:19" customFormat="1" ht="29.1" customHeight="1">
      <c r="A9" s="20"/>
      <c r="B9" s="21"/>
      <c r="C9" s="42" t="s">
        <v>33</v>
      </c>
      <c r="D9" s="38" t="s">
        <v>126</v>
      </c>
      <c r="E9" s="39" t="s">
        <v>530</v>
      </c>
      <c r="F9" s="39" t="s">
        <v>531</v>
      </c>
      <c r="G9" s="40"/>
      <c r="H9" s="41" t="s">
        <v>531</v>
      </c>
      <c r="I9" s="39" t="s">
        <v>44</v>
      </c>
      <c r="J9" s="42"/>
      <c r="K9" s="43" t="s">
        <v>44</v>
      </c>
      <c r="L9" s="42"/>
      <c r="M9" s="44" t="s">
        <v>532</v>
      </c>
    </row>
    <row r="10" spans="1:19" customFormat="1" ht="29.1" customHeight="1">
      <c r="A10" s="20"/>
      <c r="B10" s="21"/>
      <c r="C10" s="42" t="s">
        <v>41</v>
      </c>
      <c r="D10" s="38" t="s">
        <v>142</v>
      </c>
      <c r="E10" s="39" t="s">
        <v>533</v>
      </c>
      <c r="F10" s="39" t="s">
        <v>534</v>
      </c>
      <c r="G10" s="45"/>
      <c r="H10" s="46" t="s">
        <v>535</v>
      </c>
      <c r="I10" s="39" t="s">
        <v>44</v>
      </c>
      <c r="J10" s="42"/>
      <c r="K10" s="43" t="s">
        <v>536</v>
      </c>
      <c r="L10" s="42"/>
      <c r="M10" s="44" t="s">
        <v>537</v>
      </c>
    </row>
    <row r="11" spans="1:19" customFormat="1" ht="29.1" customHeight="1">
      <c r="A11" s="20"/>
      <c r="B11" s="21"/>
      <c r="C11" s="42" t="s">
        <v>45</v>
      </c>
      <c r="D11" s="38" t="s">
        <v>165</v>
      </c>
      <c r="E11" s="39" t="s">
        <v>538</v>
      </c>
      <c r="F11" s="39" t="s">
        <v>539</v>
      </c>
      <c r="G11" s="40"/>
      <c r="H11" s="41" t="s">
        <v>539</v>
      </c>
      <c r="I11" s="39" t="s">
        <v>44</v>
      </c>
      <c r="J11" s="42"/>
      <c r="K11" s="43" t="s">
        <v>44</v>
      </c>
      <c r="L11" s="42" t="s">
        <v>59</v>
      </c>
      <c r="M11" s="44" t="s">
        <v>540</v>
      </c>
    </row>
    <row r="12" spans="1:19" customFormat="1" ht="29.1" customHeight="1">
      <c r="A12" s="20"/>
      <c r="B12" s="21"/>
      <c r="C12" s="42" t="s">
        <v>53</v>
      </c>
      <c r="D12" s="38" t="s">
        <v>181</v>
      </c>
      <c r="E12" s="39" t="s">
        <v>541</v>
      </c>
      <c r="F12" s="39" t="s">
        <v>542</v>
      </c>
      <c r="G12" s="45"/>
      <c r="H12" s="46" t="s">
        <v>543</v>
      </c>
      <c r="I12" s="39" t="s">
        <v>44</v>
      </c>
      <c r="J12" s="42"/>
      <c r="K12" s="43" t="s">
        <v>544</v>
      </c>
      <c r="L12" s="42"/>
      <c r="M12" s="44" t="s">
        <v>545</v>
      </c>
    </row>
    <row r="13" spans="1:19" customFormat="1" ht="29.1" customHeight="1">
      <c r="A13" s="20"/>
      <c r="B13" s="21"/>
      <c r="C13" s="42" t="s">
        <v>61</v>
      </c>
      <c r="D13" s="38" t="s">
        <v>205</v>
      </c>
      <c r="E13" s="39" t="s">
        <v>546</v>
      </c>
      <c r="F13" s="39" t="s">
        <v>546</v>
      </c>
      <c r="G13" s="45"/>
      <c r="H13" s="46" t="s">
        <v>546</v>
      </c>
      <c r="I13" s="39" t="s">
        <v>44</v>
      </c>
      <c r="J13" s="42"/>
      <c r="K13" s="43" t="s">
        <v>44</v>
      </c>
      <c r="L13" s="42"/>
      <c r="M13" s="44" t="s">
        <v>44</v>
      </c>
    </row>
    <row r="14" spans="1:19" customFormat="1" ht="29.1" customHeight="1">
      <c r="A14" s="20"/>
      <c r="B14" s="21"/>
      <c r="C14" s="42" t="s">
        <v>65</v>
      </c>
      <c r="D14" s="38" t="s">
        <v>217</v>
      </c>
      <c r="E14" s="39" t="s">
        <v>547</v>
      </c>
      <c r="F14" s="39" t="s">
        <v>548</v>
      </c>
      <c r="G14" s="40"/>
      <c r="H14" s="41" t="s">
        <v>548</v>
      </c>
      <c r="I14" s="39" t="s">
        <v>44</v>
      </c>
      <c r="J14" s="42"/>
      <c r="K14" s="43" t="s">
        <v>44</v>
      </c>
      <c r="L14" s="42"/>
      <c r="M14" s="44" t="s">
        <v>549</v>
      </c>
    </row>
    <row r="15" spans="1:19" customFormat="1" ht="29.1" customHeight="1">
      <c r="A15" s="20"/>
      <c r="B15" s="21"/>
      <c r="C15" s="42" t="s">
        <v>72</v>
      </c>
      <c r="D15" s="38" t="s">
        <v>222</v>
      </c>
      <c r="E15" s="39" t="s">
        <v>550</v>
      </c>
      <c r="F15" s="39" t="s">
        <v>551</v>
      </c>
      <c r="G15" s="40"/>
      <c r="H15" s="41" t="s">
        <v>552</v>
      </c>
      <c r="I15" s="39" t="s">
        <v>44</v>
      </c>
      <c r="J15" s="42"/>
      <c r="K15" s="43" t="s">
        <v>553</v>
      </c>
      <c r="L15" s="42"/>
      <c r="M15" s="44" t="s">
        <v>554</v>
      </c>
    </row>
    <row r="16" spans="1:19" customFormat="1" ht="29.1" customHeight="1">
      <c r="A16" s="20"/>
      <c r="B16" s="21"/>
      <c r="C16" s="42" t="s">
        <v>80</v>
      </c>
      <c r="D16" s="38" t="s">
        <v>293</v>
      </c>
      <c r="E16" s="39" t="s">
        <v>555</v>
      </c>
      <c r="F16" s="39" t="s">
        <v>556</v>
      </c>
      <c r="G16" s="45"/>
      <c r="H16" s="46" t="s">
        <v>556</v>
      </c>
      <c r="I16" s="39" t="s">
        <v>44</v>
      </c>
      <c r="J16" s="42"/>
      <c r="K16" s="43" t="s">
        <v>44</v>
      </c>
      <c r="L16" s="42" t="s">
        <v>59</v>
      </c>
      <c r="M16" s="44" t="s">
        <v>557</v>
      </c>
    </row>
    <row r="17" spans="1:13" s="67" customFormat="1" ht="29.1" customHeight="1">
      <c r="A17" s="111" t="s">
        <v>15</v>
      </c>
      <c r="B17" s="112"/>
      <c r="C17" s="112"/>
      <c r="D17" s="112"/>
      <c r="E17" s="68" t="s">
        <v>519</v>
      </c>
      <c r="F17" s="68" t="s">
        <v>520</v>
      </c>
      <c r="G17" s="74"/>
      <c r="H17" s="75" t="s">
        <v>521</v>
      </c>
      <c r="I17" s="68" t="s">
        <v>522</v>
      </c>
      <c r="J17" s="71"/>
      <c r="K17" s="72" t="s">
        <v>523</v>
      </c>
      <c r="L17" s="71" t="s">
        <v>59</v>
      </c>
      <c r="M17" s="73" t="s">
        <v>524</v>
      </c>
    </row>
  </sheetData>
  <mergeCells count="10">
    <mergeCell ref="A17:D17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Q110"/>
  <sheetViews>
    <sheetView tabSelected="1" view="pageBreakPreview" topLeftCell="A103" zoomScaleNormal="100" zoomScaleSheetLayoutView="100" workbookViewId="0">
      <selection activeCell="D108" sqref="D108"/>
    </sheetView>
  </sheetViews>
  <sheetFormatPr defaultColWidth="9" defaultRowHeight="28.5" customHeight="1"/>
  <cols>
    <col min="1" max="1" width="2.109375" style="11" customWidth="1"/>
    <col min="2" max="2" width="10.77734375" style="11" customWidth="1"/>
    <col min="3" max="3" width="2.109375" style="11" customWidth="1"/>
    <col min="4" max="4" width="11.109375" style="11" customWidth="1"/>
    <col min="5" max="5" width="0.6640625" style="11" customWidth="1"/>
    <col min="6" max="6" width="13.77734375" style="11" customWidth="1"/>
    <col min="7" max="7" width="0.6640625" style="11" customWidth="1"/>
    <col min="8" max="8" width="13.77734375" style="11" customWidth="1"/>
    <col min="9" max="9" width="0.6640625" style="11" customWidth="1"/>
    <col min="10" max="10" width="13.44140625" style="11" customWidth="1"/>
    <col min="11" max="11" width="1.6640625" style="11" customWidth="1"/>
    <col min="12" max="12" width="12.44140625" style="11" customWidth="1"/>
    <col min="13" max="13" width="1.6640625" style="11" customWidth="1"/>
    <col min="14" max="14" width="12.44140625" style="11" customWidth="1"/>
    <col min="15" max="16384" width="9" style="11"/>
  </cols>
  <sheetData>
    <row r="2" spans="1:17" s="1" customFormat="1" ht="24.75" customHeight="1">
      <c r="A2" s="5" t="s">
        <v>587</v>
      </c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81" t="s">
        <v>3</v>
      </c>
      <c r="O2" s="2"/>
      <c r="P2" s="2"/>
      <c r="Q2" s="3"/>
    </row>
    <row r="3" spans="1:17" ht="19.5" customHeight="1">
      <c r="A3" s="105" t="s">
        <v>4</v>
      </c>
      <c r="B3" s="102"/>
      <c r="C3" s="102" t="s">
        <v>5</v>
      </c>
      <c r="D3" s="102"/>
      <c r="E3" s="102" t="s">
        <v>6</v>
      </c>
      <c r="F3" s="102"/>
      <c r="G3" s="102" t="s">
        <v>588</v>
      </c>
      <c r="H3" s="102"/>
      <c r="I3" s="102" t="s">
        <v>589</v>
      </c>
      <c r="J3" s="102"/>
      <c r="K3" s="102" t="s">
        <v>590</v>
      </c>
      <c r="L3" s="102"/>
      <c r="M3" s="107" t="s">
        <v>591</v>
      </c>
      <c r="N3" s="108"/>
      <c r="O3" s="8"/>
      <c r="P3" s="8"/>
      <c r="Q3" s="9"/>
    </row>
    <row r="4" spans="1:17" ht="19.5" customHeight="1">
      <c r="A4" s="106"/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  <c r="M4" s="109"/>
      <c r="N4" s="110"/>
      <c r="O4" s="8"/>
      <c r="P4" s="8"/>
      <c r="Q4" s="9"/>
    </row>
    <row r="5" spans="1:17" ht="10.5" customHeight="1">
      <c r="A5" s="12"/>
      <c r="B5" s="13"/>
      <c r="C5" s="18"/>
      <c r="D5" s="14"/>
      <c r="E5" s="18"/>
      <c r="F5" s="17" t="s">
        <v>14</v>
      </c>
      <c r="G5" s="18"/>
      <c r="H5" s="17" t="s">
        <v>14</v>
      </c>
      <c r="I5" s="18"/>
      <c r="J5" s="17" t="s">
        <v>14</v>
      </c>
      <c r="K5" s="18"/>
      <c r="L5" s="17" t="s">
        <v>14</v>
      </c>
      <c r="M5" s="18"/>
      <c r="N5" s="19" t="s">
        <v>14</v>
      </c>
      <c r="O5" s="8"/>
      <c r="P5" s="8"/>
      <c r="Q5" s="9"/>
    </row>
    <row r="6" spans="1:17" customFormat="1" ht="28.5" customHeight="1">
      <c r="A6" s="27" t="s">
        <v>17</v>
      </c>
      <c r="B6" s="28" t="s">
        <v>592</v>
      </c>
      <c r="C6" s="24"/>
      <c r="D6" s="22"/>
      <c r="E6" s="24"/>
      <c r="F6" s="82" t="s">
        <v>593</v>
      </c>
      <c r="G6" s="32"/>
      <c r="H6" s="82" t="s">
        <v>594</v>
      </c>
      <c r="I6" s="32"/>
      <c r="J6" s="82" t="s">
        <v>44</v>
      </c>
      <c r="K6" s="32"/>
      <c r="L6" s="82" t="s">
        <v>595</v>
      </c>
      <c r="M6" s="32"/>
      <c r="N6" s="83" t="s">
        <v>595</v>
      </c>
    </row>
    <row r="7" spans="1:17" customFormat="1" ht="28.5" customHeight="1">
      <c r="A7" s="20"/>
      <c r="B7" s="21"/>
      <c r="C7" s="42" t="s">
        <v>17</v>
      </c>
      <c r="D7" s="38" t="s">
        <v>592</v>
      </c>
      <c r="E7" s="42"/>
      <c r="F7" s="46" t="s">
        <v>593</v>
      </c>
      <c r="G7" s="42"/>
      <c r="H7" s="46" t="s">
        <v>594</v>
      </c>
      <c r="I7" s="42"/>
      <c r="J7" s="46" t="s">
        <v>44</v>
      </c>
      <c r="K7" s="42"/>
      <c r="L7" s="46" t="s">
        <v>595</v>
      </c>
      <c r="M7" s="42"/>
      <c r="N7" s="84" t="s">
        <v>595</v>
      </c>
    </row>
    <row r="8" spans="1:17" customFormat="1" ht="28.5" customHeight="1">
      <c r="A8" s="56" t="s">
        <v>33</v>
      </c>
      <c r="B8" s="57" t="s">
        <v>596</v>
      </c>
      <c r="C8" s="42"/>
      <c r="D8" s="58"/>
      <c r="E8" s="42"/>
      <c r="F8" s="85" t="s">
        <v>597</v>
      </c>
      <c r="G8" s="62"/>
      <c r="H8" s="85" t="s">
        <v>598</v>
      </c>
      <c r="I8" s="62"/>
      <c r="J8" s="85" t="s">
        <v>599</v>
      </c>
      <c r="K8" s="62"/>
      <c r="L8" s="85" t="s">
        <v>600</v>
      </c>
      <c r="M8" s="62"/>
      <c r="N8" s="86" t="s">
        <v>601</v>
      </c>
    </row>
    <row r="9" spans="1:17" customFormat="1" ht="28.5" customHeight="1">
      <c r="A9" s="20"/>
      <c r="B9" s="21"/>
      <c r="C9" s="42" t="s">
        <v>17</v>
      </c>
      <c r="D9" s="38" t="s">
        <v>602</v>
      </c>
      <c r="E9" s="42"/>
      <c r="F9" s="46" t="s">
        <v>603</v>
      </c>
      <c r="G9" s="42"/>
      <c r="H9" s="46" t="s">
        <v>604</v>
      </c>
      <c r="I9" s="42"/>
      <c r="J9" s="46" t="s">
        <v>605</v>
      </c>
      <c r="K9" s="42"/>
      <c r="L9" s="46" t="s">
        <v>606</v>
      </c>
      <c r="M9" s="42"/>
      <c r="N9" s="84" t="s">
        <v>607</v>
      </c>
    </row>
    <row r="10" spans="1:17" customFormat="1" ht="28.5" customHeight="1">
      <c r="A10" s="20"/>
      <c r="B10" s="21"/>
      <c r="C10" s="42" t="s">
        <v>33</v>
      </c>
      <c r="D10" s="38" t="s">
        <v>608</v>
      </c>
      <c r="E10" s="42"/>
      <c r="F10" s="46" t="s">
        <v>609</v>
      </c>
      <c r="G10" s="42"/>
      <c r="H10" s="46" t="s">
        <v>610</v>
      </c>
      <c r="I10" s="42"/>
      <c r="J10" s="46" t="s">
        <v>44</v>
      </c>
      <c r="K10" s="42"/>
      <c r="L10" s="46" t="s">
        <v>611</v>
      </c>
      <c r="M10" s="42"/>
      <c r="N10" s="84" t="s">
        <v>611</v>
      </c>
    </row>
    <row r="11" spans="1:17" customFormat="1" ht="28.5" customHeight="1">
      <c r="A11" s="20"/>
      <c r="B11" s="21"/>
      <c r="C11" s="42" t="s">
        <v>41</v>
      </c>
      <c r="D11" s="38" t="s">
        <v>612</v>
      </c>
      <c r="E11" s="42"/>
      <c r="F11" s="46" t="s">
        <v>613</v>
      </c>
      <c r="G11" s="42"/>
      <c r="H11" s="46" t="s">
        <v>614</v>
      </c>
      <c r="I11" s="42"/>
      <c r="J11" s="46" t="s">
        <v>44</v>
      </c>
      <c r="K11" s="42"/>
      <c r="L11" s="46" t="s">
        <v>615</v>
      </c>
      <c r="M11" s="42"/>
      <c r="N11" s="84" t="s">
        <v>615</v>
      </c>
    </row>
    <row r="12" spans="1:17" customFormat="1" ht="28.5" customHeight="1">
      <c r="A12" s="20"/>
      <c r="B12" s="21"/>
      <c r="C12" s="42" t="s">
        <v>45</v>
      </c>
      <c r="D12" s="38" t="s">
        <v>616</v>
      </c>
      <c r="E12" s="42"/>
      <c r="F12" s="46" t="s">
        <v>617</v>
      </c>
      <c r="G12" s="42"/>
      <c r="H12" s="46" t="s">
        <v>618</v>
      </c>
      <c r="I12" s="42"/>
      <c r="J12" s="46" t="s">
        <v>44</v>
      </c>
      <c r="K12" s="42"/>
      <c r="L12" s="46" t="s">
        <v>619</v>
      </c>
      <c r="M12" s="42"/>
      <c r="N12" s="84" t="s">
        <v>619</v>
      </c>
    </row>
    <row r="13" spans="1:17" customFormat="1" ht="28.5" customHeight="1">
      <c r="A13" s="20"/>
      <c r="B13" s="21"/>
      <c r="C13" s="42" t="s">
        <v>53</v>
      </c>
      <c r="D13" s="38" t="s">
        <v>620</v>
      </c>
      <c r="E13" s="42"/>
      <c r="F13" s="46" t="s">
        <v>621</v>
      </c>
      <c r="G13" s="42"/>
      <c r="H13" s="46" t="s">
        <v>622</v>
      </c>
      <c r="I13" s="42"/>
      <c r="J13" s="46" t="s">
        <v>44</v>
      </c>
      <c r="K13" s="42"/>
      <c r="L13" s="46" t="s">
        <v>623</v>
      </c>
      <c r="M13" s="42"/>
      <c r="N13" s="84" t="s">
        <v>623</v>
      </c>
    </row>
    <row r="14" spans="1:17" customFormat="1" ht="28.5" customHeight="1">
      <c r="A14" s="20"/>
      <c r="B14" s="21"/>
      <c r="C14" s="42" t="s">
        <v>61</v>
      </c>
      <c r="D14" s="38" t="s">
        <v>624</v>
      </c>
      <c r="E14" s="42"/>
      <c r="F14" s="46" t="s">
        <v>625</v>
      </c>
      <c r="G14" s="42"/>
      <c r="H14" s="46" t="s">
        <v>626</v>
      </c>
      <c r="I14" s="42"/>
      <c r="J14" s="46" t="s">
        <v>627</v>
      </c>
      <c r="K14" s="42"/>
      <c r="L14" s="46" t="s">
        <v>628</v>
      </c>
      <c r="M14" s="42"/>
      <c r="N14" s="84" t="s">
        <v>629</v>
      </c>
    </row>
    <row r="15" spans="1:17" customFormat="1" ht="28.5" customHeight="1">
      <c r="A15" s="20"/>
      <c r="B15" s="21"/>
      <c r="C15" s="42" t="s">
        <v>65</v>
      </c>
      <c r="D15" s="38" t="s">
        <v>630</v>
      </c>
      <c r="E15" s="42"/>
      <c r="F15" s="46" t="s">
        <v>631</v>
      </c>
      <c r="G15" s="42"/>
      <c r="H15" s="46" t="s">
        <v>632</v>
      </c>
      <c r="I15" s="42"/>
      <c r="J15" s="46" t="s">
        <v>44</v>
      </c>
      <c r="K15" s="42"/>
      <c r="L15" s="46" t="s">
        <v>633</v>
      </c>
      <c r="M15" s="42"/>
      <c r="N15" s="84" t="s">
        <v>633</v>
      </c>
    </row>
    <row r="16" spans="1:17" customFormat="1" ht="28.5" customHeight="1">
      <c r="A16" s="20"/>
      <c r="B16" s="21"/>
      <c r="C16" s="42" t="s">
        <v>72</v>
      </c>
      <c r="D16" s="38" t="s">
        <v>634</v>
      </c>
      <c r="E16" s="42"/>
      <c r="F16" s="46" t="s">
        <v>635</v>
      </c>
      <c r="G16" s="42"/>
      <c r="H16" s="46" t="s">
        <v>636</v>
      </c>
      <c r="I16" s="42"/>
      <c r="J16" s="46" t="s">
        <v>637</v>
      </c>
      <c r="K16" s="42"/>
      <c r="L16" s="46" t="s">
        <v>638</v>
      </c>
      <c r="M16" s="42"/>
      <c r="N16" s="84" t="s">
        <v>639</v>
      </c>
    </row>
    <row r="17" spans="1:14" customFormat="1" ht="28.5" customHeight="1">
      <c r="A17" s="20"/>
      <c r="B17" s="21"/>
      <c r="C17" s="42" t="s">
        <v>80</v>
      </c>
      <c r="D17" s="38" t="s">
        <v>640</v>
      </c>
      <c r="E17" s="42"/>
      <c r="F17" s="46" t="s">
        <v>641</v>
      </c>
      <c r="G17" s="42"/>
      <c r="H17" s="46" t="s">
        <v>642</v>
      </c>
      <c r="I17" s="42"/>
      <c r="J17" s="46" t="s">
        <v>643</v>
      </c>
      <c r="K17" s="42"/>
      <c r="L17" s="46" t="s">
        <v>644</v>
      </c>
      <c r="M17" s="42"/>
      <c r="N17" s="84" t="s">
        <v>645</v>
      </c>
    </row>
    <row r="18" spans="1:14" customFormat="1" ht="28.5" customHeight="1">
      <c r="A18" s="20"/>
      <c r="B18" s="21"/>
      <c r="C18" s="42" t="s">
        <v>85</v>
      </c>
      <c r="D18" s="38" t="s">
        <v>646</v>
      </c>
      <c r="E18" s="42"/>
      <c r="F18" s="46" t="s">
        <v>647</v>
      </c>
      <c r="G18" s="42"/>
      <c r="H18" s="46" t="s">
        <v>648</v>
      </c>
      <c r="I18" s="42"/>
      <c r="J18" s="46" t="s">
        <v>649</v>
      </c>
      <c r="K18" s="42"/>
      <c r="L18" s="46" t="s">
        <v>650</v>
      </c>
      <c r="M18" s="42"/>
      <c r="N18" s="84" t="s">
        <v>651</v>
      </c>
    </row>
    <row r="19" spans="1:14" customFormat="1" ht="28.5" customHeight="1">
      <c r="A19" s="20"/>
      <c r="B19" s="21"/>
      <c r="C19" s="42" t="s">
        <v>90</v>
      </c>
      <c r="D19" s="38" t="s">
        <v>652</v>
      </c>
      <c r="E19" s="42"/>
      <c r="F19" s="46" t="s">
        <v>653</v>
      </c>
      <c r="G19" s="42"/>
      <c r="H19" s="46" t="s">
        <v>654</v>
      </c>
      <c r="I19" s="42"/>
      <c r="J19" s="46" t="s">
        <v>44</v>
      </c>
      <c r="K19" s="42"/>
      <c r="L19" s="46" t="s">
        <v>655</v>
      </c>
      <c r="M19" s="42"/>
      <c r="N19" s="84" t="s">
        <v>655</v>
      </c>
    </row>
    <row r="20" spans="1:14" customFormat="1" ht="28.5" customHeight="1">
      <c r="A20" s="20"/>
      <c r="B20" s="21"/>
      <c r="C20" s="42" t="s">
        <v>216</v>
      </c>
      <c r="D20" s="38" t="s">
        <v>656</v>
      </c>
      <c r="E20" s="42"/>
      <c r="F20" s="46" t="s">
        <v>657</v>
      </c>
      <c r="G20" s="42"/>
      <c r="H20" s="46" t="s">
        <v>658</v>
      </c>
      <c r="I20" s="42"/>
      <c r="J20" s="46" t="s">
        <v>44</v>
      </c>
      <c r="K20" s="42"/>
      <c r="L20" s="46" t="s">
        <v>659</v>
      </c>
      <c r="M20" s="42"/>
      <c r="N20" s="84" t="s">
        <v>659</v>
      </c>
    </row>
    <row r="21" spans="1:14" customFormat="1" ht="28.5" customHeight="1">
      <c r="A21" s="20"/>
      <c r="B21" s="21"/>
      <c r="C21" s="42" t="s">
        <v>221</v>
      </c>
      <c r="D21" s="38" t="s">
        <v>660</v>
      </c>
      <c r="E21" s="42"/>
      <c r="F21" s="46" t="s">
        <v>661</v>
      </c>
      <c r="G21" s="42"/>
      <c r="H21" s="46" t="s">
        <v>662</v>
      </c>
      <c r="I21" s="42"/>
      <c r="J21" s="46" t="s">
        <v>44</v>
      </c>
      <c r="K21" s="42"/>
      <c r="L21" s="46" t="s">
        <v>663</v>
      </c>
      <c r="M21" s="42"/>
      <c r="N21" s="84" t="s">
        <v>663</v>
      </c>
    </row>
    <row r="22" spans="1:14" customFormat="1" ht="28.5" customHeight="1">
      <c r="A22" s="56" t="s">
        <v>41</v>
      </c>
      <c r="B22" s="57" t="s">
        <v>664</v>
      </c>
      <c r="C22" s="42"/>
      <c r="D22" s="58"/>
      <c r="E22" s="42"/>
      <c r="F22" s="85" t="s">
        <v>665</v>
      </c>
      <c r="G22" s="62"/>
      <c r="H22" s="85" t="s">
        <v>666</v>
      </c>
      <c r="I22" s="62"/>
      <c r="J22" s="85" t="s">
        <v>667</v>
      </c>
      <c r="K22" s="62"/>
      <c r="L22" s="85" t="s">
        <v>668</v>
      </c>
      <c r="M22" s="62"/>
      <c r="N22" s="86" t="s">
        <v>669</v>
      </c>
    </row>
    <row r="23" spans="1:14" customFormat="1" ht="28.5" customHeight="1">
      <c r="A23" s="20"/>
      <c r="B23" s="21"/>
      <c r="C23" s="42" t="s">
        <v>17</v>
      </c>
      <c r="D23" s="38" t="s">
        <v>670</v>
      </c>
      <c r="E23" s="42"/>
      <c r="F23" s="46" t="s">
        <v>671</v>
      </c>
      <c r="G23" s="42"/>
      <c r="H23" s="46" t="s">
        <v>672</v>
      </c>
      <c r="I23" s="42"/>
      <c r="J23" s="46" t="s">
        <v>673</v>
      </c>
      <c r="K23" s="42"/>
      <c r="L23" s="46" t="s">
        <v>674</v>
      </c>
      <c r="M23" s="42"/>
      <c r="N23" s="84" t="s">
        <v>675</v>
      </c>
    </row>
    <row r="24" spans="1:14" customFormat="1" ht="28.5" customHeight="1">
      <c r="A24" s="20"/>
      <c r="B24" s="21"/>
      <c r="C24" s="42" t="s">
        <v>33</v>
      </c>
      <c r="D24" s="38" t="s">
        <v>676</v>
      </c>
      <c r="E24" s="42"/>
      <c r="F24" s="46" t="s">
        <v>677</v>
      </c>
      <c r="G24" s="42"/>
      <c r="H24" s="46" t="s">
        <v>678</v>
      </c>
      <c r="I24" s="42"/>
      <c r="J24" s="46" t="s">
        <v>679</v>
      </c>
      <c r="K24" s="42"/>
      <c r="L24" s="46" t="s">
        <v>680</v>
      </c>
      <c r="M24" s="42"/>
      <c r="N24" s="84" t="s">
        <v>681</v>
      </c>
    </row>
    <row r="25" spans="1:14" customFormat="1" ht="28.5" customHeight="1">
      <c r="A25" s="20"/>
      <c r="B25" s="21"/>
      <c r="C25" s="42" t="s">
        <v>41</v>
      </c>
      <c r="D25" s="38" t="s">
        <v>682</v>
      </c>
      <c r="E25" s="42"/>
      <c r="F25" s="46" t="s">
        <v>683</v>
      </c>
      <c r="G25" s="42"/>
      <c r="H25" s="46" t="s">
        <v>684</v>
      </c>
      <c r="I25" s="42"/>
      <c r="J25" s="46" t="s">
        <v>685</v>
      </c>
      <c r="K25" s="42"/>
      <c r="L25" s="46" t="s">
        <v>686</v>
      </c>
      <c r="M25" s="42"/>
      <c r="N25" s="84" t="s">
        <v>687</v>
      </c>
    </row>
    <row r="26" spans="1:14" customFormat="1" ht="28.5" customHeight="1">
      <c r="A26" s="56" t="s">
        <v>45</v>
      </c>
      <c r="B26" s="57" t="s">
        <v>688</v>
      </c>
      <c r="C26" s="42"/>
      <c r="D26" s="58"/>
      <c r="E26" s="42"/>
      <c r="F26" s="85" t="s">
        <v>689</v>
      </c>
      <c r="G26" s="62"/>
      <c r="H26" s="85" t="s">
        <v>690</v>
      </c>
      <c r="I26" s="62"/>
      <c r="J26" s="85" t="s">
        <v>691</v>
      </c>
      <c r="K26" s="62"/>
      <c r="L26" s="85" t="s">
        <v>692</v>
      </c>
      <c r="M26" s="62"/>
      <c r="N26" s="86" t="s">
        <v>693</v>
      </c>
    </row>
    <row r="27" spans="1:14" customFormat="1" ht="28.5" customHeight="1">
      <c r="A27" s="20"/>
      <c r="B27" s="21"/>
      <c r="C27" s="42" t="s">
        <v>17</v>
      </c>
      <c r="D27" s="38" t="s">
        <v>694</v>
      </c>
      <c r="E27" s="42"/>
      <c r="F27" s="46" t="s">
        <v>695</v>
      </c>
      <c r="G27" s="42"/>
      <c r="H27" s="46" t="s">
        <v>696</v>
      </c>
      <c r="I27" s="42"/>
      <c r="J27" s="46" t="s">
        <v>697</v>
      </c>
      <c r="K27" s="42"/>
      <c r="L27" s="46" t="s">
        <v>698</v>
      </c>
      <c r="M27" s="42"/>
      <c r="N27" s="84" t="s">
        <v>699</v>
      </c>
    </row>
    <row r="28" spans="1:14" customFormat="1" ht="28.5" customHeight="1">
      <c r="A28" s="20"/>
      <c r="B28" s="21"/>
      <c r="C28" s="42" t="s">
        <v>33</v>
      </c>
      <c r="D28" s="38" t="s">
        <v>700</v>
      </c>
      <c r="E28" s="42"/>
      <c r="F28" s="46" t="s">
        <v>701</v>
      </c>
      <c r="G28" s="42"/>
      <c r="H28" s="46" t="s">
        <v>702</v>
      </c>
      <c r="I28" s="42"/>
      <c r="J28" s="46" t="s">
        <v>703</v>
      </c>
      <c r="K28" s="42"/>
      <c r="L28" s="46" t="s">
        <v>704</v>
      </c>
      <c r="M28" s="42"/>
      <c r="N28" s="84" t="s">
        <v>705</v>
      </c>
    </row>
    <row r="29" spans="1:14" customFormat="1" ht="28.5" customHeight="1">
      <c r="A29" s="20"/>
      <c r="B29" s="21"/>
      <c r="C29" s="42" t="s">
        <v>41</v>
      </c>
      <c r="D29" s="38" t="s">
        <v>706</v>
      </c>
      <c r="E29" s="42"/>
      <c r="F29" s="46" t="s">
        <v>707</v>
      </c>
      <c r="G29" s="42"/>
      <c r="H29" s="46" t="s">
        <v>708</v>
      </c>
      <c r="I29" s="42"/>
      <c r="J29" s="46" t="s">
        <v>709</v>
      </c>
      <c r="K29" s="42"/>
      <c r="L29" s="46" t="s">
        <v>710</v>
      </c>
      <c r="M29" s="42"/>
      <c r="N29" s="84" t="s">
        <v>711</v>
      </c>
    </row>
    <row r="30" spans="1:14" customFormat="1" ht="28.5" customHeight="1">
      <c r="A30" s="20"/>
      <c r="B30" s="21"/>
      <c r="C30" s="42" t="s">
        <v>45</v>
      </c>
      <c r="D30" s="38" t="s">
        <v>712</v>
      </c>
      <c r="E30" s="42"/>
      <c r="F30" s="46" t="s">
        <v>713</v>
      </c>
      <c r="G30" s="42"/>
      <c r="H30" s="46" t="s">
        <v>714</v>
      </c>
      <c r="I30" s="42"/>
      <c r="J30" s="46" t="s">
        <v>715</v>
      </c>
      <c r="K30" s="42"/>
      <c r="L30" s="46" t="s">
        <v>716</v>
      </c>
      <c r="M30" s="42"/>
      <c r="N30" s="84" t="s">
        <v>717</v>
      </c>
    </row>
    <row r="31" spans="1:14" customFormat="1" ht="28.5" customHeight="1">
      <c r="A31" s="47"/>
      <c r="B31" s="48"/>
      <c r="C31" s="49" t="s">
        <v>53</v>
      </c>
      <c r="D31" s="50" t="s">
        <v>718</v>
      </c>
      <c r="E31" s="49"/>
      <c r="F31" s="66" t="s">
        <v>719</v>
      </c>
      <c r="G31" s="49"/>
      <c r="H31" s="66" t="s">
        <v>720</v>
      </c>
      <c r="I31" s="49"/>
      <c r="J31" s="66" t="s">
        <v>721</v>
      </c>
      <c r="K31" s="49"/>
      <c r="L31" s="66" t="s">
        <v>722</v>
      </c>
      <c r="M31" s="49"/>
      <c r="N31" s="87" t="s">
        <v>723</v>
      </c>
    </row>
    <row r="34" spans="1:17" s="1" customFormat="1" ht="24.75" customHeight="1">
      <c r="A34" s="5"/>
      <c r="B34" s="6"/>
      <c r="C34" s="6"/>
      <c r="D34" s="6"/>
      <c r="E34" s="6"/>
      <c r="F34" s="6"/>
      <c r="G34" s="6"/>
      <c r="H34" s="6"/>
      <c r="I34" s="6"/>
      <c r="J34" s="6"/>
      <c r="K34" s="6"/>
      <c r="L34" s="6"/>
      <c r="M34" s="6"/>
      <c r="N34" s="81" t="s">
        <v>3</v>
      </c>
      <c r="O34" s="2"/>
      <c r="P34" s="2"/>
      <c r="Q34" s="3"/>
    </row>
    <row r="35" spans="1:17" ht="19.5" customHeight="1">
      <c r="A35" s="105" t="s">
        <v>4</v>
      </c>
      <c r="B35" s="102"/>
      <c r="C35" s="102" t="s">
        <v>5</v>
      </c>
      <c r="D35" s="102"/>
      <c r="E35" s="102" t="s">
        <v>6</v>
      </c>
      <c r="F35" s="102"/>
      <c r="G35" s="102" t="s">
        <v>588</v>
      </c>
      <c r="H35" s="102"/>
      <c r="I35" s="102" t="s">
        <v>589</v>
      </c>
      <c r="J35" s="102"/>
      <c r="K35" s="102" t="s">
        <v>590</v>
      </c>
      <c r="L35" s="102"/>
      <c r="M35" s="107" t="s">
        <v>591</v>
      </c>
      <c r="N35" s="108"/>
      <c r="O35" s="8"/>
      <c r="P35" s="8"/>
      <c r="Q35" s="9"/>
    </row>
    <row r="36" spans="1:17" ht="19.5" customHeight="1">
      <c r="A36" s="106"/>
      <c r="B36" s="103"/>
      <c r="C36" s="103"/>
      <c r="D36" s="103"/>
      <c r="E36" s="103"/>
      <c r="F36" s="103"/>
      <c r="G36" s="103"/>
      <c r="H36" s="103"/>
      <c r="I36" s="103"/>
      <c r="J36" s="103"/>
      <c r="K36" s="103"/>
      <c r="L36" s="103"/>
      <c r="M36" s="109"/>
      <c r="N36" s="110"/>
      <c r="O36" s="8"/>
      <c r="P36" s="8"/>
      <c r="Q36" s="9"/>
    </row>
    <row r="37" spans="1:17" ht="10.5" customHeight="1">
      <c r="A37" s="12"/>
      <c r="B37" s="13"/>
      <c r="C37" s="18"/>
      <c r="D37" s="14"/>
      <c r="E37" s="18"/>
      <c r="F37" s="17" t="s">
        <v>14</v>
      </c>
      <c r="G37" s="18"/>
      <c r="H37" s="17" t="s">
        <v>14</v>
      </c>
      <c r="I37" s="18"/>
      <c r="J37" s="17" t="s">
        <v>14</v>
      </c>
      <c r="K37" s="18"/>
      <c r="L37" s="17" t="s">
        <v>14</v>
      </c>
      <c r="M37" s="18"/>
      <c r="N37" s="19" t="s">
        <v>14</v>
      </c>
      <c r="O37" s="8"/>
      <c r="P37" s="8"/>
      <c r="Q37" s="9"/>
    </row>
    <row r="38" spans="1:17" customFormat="1" ht="28.5" customHeight="1">
      <c r="A38" s="27" t="s">
        <v>53</v>
      </c>
      <c r="B38" s="28" t="s">
        <v>724</v>
      </c>
      <c r="C38" s="24"/>
      <c r="D38" s="22"/>
      <c r="E38" s="24"/>
      <c r="F38" s="82" t="s">
        <v>725</v>
      </c>
      <c r="G38" s="32"/>
      <c r="H38" s="82" t="s">
        <v>726</v>
      </c>
      <c r="I38" s="32"/>
      <c r="J38" s="82" t="s">
        <v>727</v>
      </c>
      <c r="K38" s="32"/>
      <c r="L38" s="82" t="s">
        <v>728</v>
      </c>
      <c r="M38" s="32"/>
      <c r="N38" s="83" t="s">
        <v>729</v>
      </c>
    </row>
    <row r="39" spans="1:17" customFormat="1" ht="28.5" customHeight="1">
      <c r="A39" s="20"/>
      <c r="B39" s="21"/>
      <c r="C39" s="42" t="s">
        <v>17</v>
      </c>
      <c r="D39" s="38" t="s">
        <v>730</v>
      </c>
      <c r="E39" s="42"/>
      <c r="F39" s="46" t="s">
        <v>731</v>
      </c>
      <c r="G39" s="42"/>
      <c r="H39" s="46" t="s">
        <v>732</v>
      </c>
      <c r="I39" s="42"/>
      <c r="J39" s="46" t="s">
        <v>733</v>
      </c>
      <c r="K39" s="42"/>
      <c r="L39" s="46" t="s">
        <v>734</v>
      </c>
      <c r="M39" s="42"/>
      <c r="N39" s="84" t="s">
        <v>735</v>
      </c>
    </row>
    <row r="40" spans="1:17" customFormat="1" ht="28.5" customHeight="1">
      <c r="A40" s="20"/>
      <c r="B40" s="21"/>
      <c r="C40" s="42" t="s">
        <v>33</v>
      </c>
      <c r="D40" s="38" t="s">
        <v>736</v>
      </c>
      <c r="E40" s="42"/>
      <c r="F40" s="46" t="s">
        <v>737</v>
      </c>
      <c r="G40" s="42"/>
      <c r="H40" s="46" t="s">
        <v>738</v>
      </c>
      <c r="I40" s="42"/>
      <c r="J40" s="46" t="s">
        <v>44</v>
      </c>
      <c r="K40" s="42"/>
      <c r="L40" s="46" t="s">
        <v>739</v>
      </c>
      <c r="M40" s="42"/>
      <c r="N40" s="84" t="s">
        <v>739</v>
      </c>
    </row>
    <row r="41" spans="1:17" customFormat="1" ht="28.5" customHeight="1">
      <c r="A41" s="20"/>
      <c r="B41" s="21"/>
      <c r="C41" s="42" t="s">
        <v>41</v>
      </c>
      <c r="D41" s="38" t="s">
        <v>740</v>
      </c>
      <c r="E41" s="42"/>
      <c r="F41" s="46" t="s">
        <v>741</v>
      </c>
      <c r="G41" s="42"/>
      <c r="H41" s="46" t="s">
        <v>742</v>
      </c>
      <c r="I41" s="42"/>
      <c r="J41" s="46" t="s">
        <v>44</v>
      </c>
      <c r="K41" s="42"/>
      <c r="L41" s="46" t="s">
        <v>743</v>
      </c>
      <c r="M41" s="42"/>
      <c r="N41" s="84" t="s">
        <v>743</v>
      </c>
    </row>
    <row r="42" spans="1:17" customFormat="1" ht="28.5" customHeight="1">
      <c r="A42" s="20"/>
      <c r="B42" s="21"/>
      <c r="C42" s="42" t="s">
        <v>45</v>
      </c>
      <c r="D42" s="38" t="s">
        <v>744</v>
      </c>
      <c r="E42" s="42"/>
      <c r="F42" s="46" t="s">
        <v>745</v>
      </c>
      <c r="G42" s="42"/>
      <c r="H42" s="46" t="s">
        <v>746</v>
      </c>
      <c r="I42" s="42"/>
      <c r="J42" s="46" t="s">
        <v>747</v>
      </c>
      <c r="K42" s="42"/>
      <c r="L42" s="46" t="s">
        <v>748</v>
      </c>
      <c r="M42" s="42"/>
      <c r="N42" s="84" t="s">
        <v>749</v>
      </c>
    </row>
    <row r="43" spans="1:17" customFormat="1" ht="28.5" customHeight="1">
      <c r="A43" s="20"/>
      <c r="B43" s="21"/>
      <c r="C43" s="42" t="s">
        <v>53</v>
      </c>
      <c r="D43" s="38" t="s">
        <v>750</v>
      </c>
      <c r="E43" s="42"/>
      <c r="F43" s="46" t="s">
        <v>751</v>
      </c>
      <c r="G43" s="42"/>
      <c r="H43" s="46" t="s">
        <v>752</v>
      </c>
      <c r="I43" s="42"/>
      <c r="J43" s="46" t="s">
        <v>753</v>
      </c>
      <c r="K43" s="42"/>
      <c r="L43" s="46" t="s">
        <v>754</v>
      </c>
      <c r="M43" s="42"/>
      <c r="N43" s="84" t="s">
        <v>755</v>
      </c>
    </row>
    <row r="44" spans="1:17" customFormat="1" ht="28.5" customHeight="1">
      <c r="A44" s="56" t="s">
        <v>61</v>
      </c>
      <c r="B44" s="57" t="s">
        <v>756</v>
      </c>
      <c r="C44" s="42"/>
      <c r="D44" s="58"/>
      <c r="E44" s="42"/>
      <c r="F44" s="85" t="s">
        <v>757</v>
      </c>
      <c r="G44" s="62"/>
      <c r="H44" s="85" t="s">
        <v>758</v>
      </c>
      <c r="I44" s="62"/>
      <c r="J44" s="85" t="s">
        <v>759</v>
      </c>
      <c r="K44" s="62"/>
      <c r="L44" s="85" t="s">
        <v>760</v>
      </c>
      <c r="M44" s="62"/>
      <c r="N44" s="86" t="s">
        <v>761</v>
      </c>
    </row>
    <row r="45" spans="1:17" customFormat="1" ht="28.5" customHeight="1">
      <c r="A45" s="20"/>
      <c r="B45" s="21"/>
      <c r="C45" s="42" t="s">
        <v>17</v>
      </c>
      <c r="D45" s="38" t="s">
        <v>762</v>
      </c>
      <c r="E45" s="42"/>
      <c r="F45" s="46" t="s">
        <v>763</v>
      </c>
      <c r="G45" s="42"/>
      <c r="H45" s="46" t="s">
        <v>764</v>
      </c>
      <c r="I45" s="42"/>
      <c r="J45" s="46" t="s">
        <v>765</v>
      </c>
      <c r="K45" s="42"/>
      <c r="L45" s="46" t="s">
        <v>766</v>
      </c>
      <c r="M45" s="42"/>
      <c r="N45" s="84" t="s">
        <v>767</v>
      </c>
    </row>
    <row r="46" spans="1:17" customFormat="1" ht="28.5" customHeight="1">
      <c r="A46" s="20"/>
      <c r="B46" s="21"/>
      <c r="C46" s="42" t="s">
        <v>33</v>
      </c>
      <c r="D46" s="38" t="s">
        <v>768</v>
      </c>
      <c r="E46" s="42"/>
      <c r="F46" s="46" t="s">
        <v>769</v>
      </c>
      <c r="G46" s="42"/>
      <c r="H46" s="46" t="s">
        <v>770</v>
      </c>
      <c r="I46" s="42"/>
      <c r="J46" s="46" t="s">
        <v>771</v>
      </c>
      <c r="K46" s="42"/>
      <c r="L46" s="46" t="s">
        <v>772</v>
      </c>
      <c r="M46" s="42"/>
      <c r="N46" s="84" t="s">
        <v>773</v>
      </c>
    </row>
    <row r="47" spans="1:17" customFormat="1" ht="28.5" customHeight="1">
      <c r="A47" s="20"/>
      <c r="B47" s="21"/>
      <c r="C47" s="42" t="s">
        <v>41</v>
      </c>
      <c r="D47" s="38" t="s">
        <v>774</v>
      </c>
      <c r="E47" s="42"/>
      <c r="F47" s="46" t="s">
        <v>775</v>
      </c>
      <c r="G47" s="42"/>
      <c r="H47" s="46" t="s">
        <v>776</v>
      </c>
      <c r="I47" s="42"/>
      <c r="J47" s="46" t="s">
        <v>777</v>
      </c>
      <c r="K47" s="42"/>
      <c r="L47" s="46" t="s">
        <v>778</v>
      </c>
      <c r="M47" s="42"/>
      <c r="N47" s="84" t="s">
        <v>779</v>
      </c>
    </row>
    <row r="48" spans="1:17" customFormat="1" ht="28.5" customHeight="1">
      <c r="A48" s="20"/>
      <c r="B48" s="21"/>
      <c r="C48" s="42" t="s">
        <v>45</v>
      </c>
      <c r="D48" s="38" t="s">
        <v>780</v>
      </c>
      <c r="E48" s="42"/>
      <c r="F48" s="46" t="s">
        <v>781</v>
      </c>
      <c r="G48" s="42"/>
      <c r="H48" s="46" t="s">
        <v>782</v>
      </c>
      <c r="I48" s="42"/>
      <c r="J48" s="46" t="s">
        <v>44</v>
      </c>
      <c r="K48" s="42"/>
      <c r="L48" s="46" t="s">
        <v>783</v>
      </c>
      <c r="M48" s="42"/>
      <c r="N48" s="84" t="s">
        <v>783</v>
      </c>
    </row>
    <row r="49" spans="1:14" customFormat="1" ht="28.5" customHeight="1">
      <c r="A49" s="56" t="s">
        <v>65</v>
      </c>
      <c r="B49" s="57" t="s">
        <v>784</v>
      </c>
      <c r="C49" s="42"/>
      <c r="D49" s="58"/>
      <c r="E49" s="42"/>
      <c r="F49" s="85" t="s">
        <v>785</v>
      </c>
      <c r="G49" s="62"/>
      <c r="H49" s="85" t="s">
        <v>786</v>
      </c>
      <c r="I49" s="62"/>
      <c r="J49" s="85" t="s">
        <v>787</v>
      </c>
      <c r="K49" s="62"/>
      <c r="L49" s="85" t="s">
        <v>788</v>
      </c>
      <c r="M49" s="62"/>
      <c r="N49" s="86" t="s">
        <v>789</v>
      </c>
    </row>
    <row r="50" spans="1:14" customFormat="1" ht="28.5" customHeight="1">
      <c r="A50" s="20"/>
      <c r="B50" s="21"/>
      <c r="C50" s="42" t="s">
        <v>17</v>
      </c>
      <c r="D50" s="38" t="s">
        <v>790</v>
      </c>
      <c r="E50" s="42"/>
      <c r="F50" s="46" t="s">
        <v>791</v>
      </c>
      <c r="G50" s="42"/>
      <c r="H50" s="46" t="s">
        <v>792</v>
      </c>
      <c r="I50" s="42"/>
      <c r="J50" s="46" t="s">
        <v>793</v>
      </c>
      <c r="K50" s="42"/>
      <c r="L50" s="46" t="s">
        <v>794</v>
      </c>
      <c r="M50" s="42"/>
      <c r="N50" s="84" t="s">
        <v>795</v>
      </c>
    </row>
    <row r="51" spans="1:14" customFormat="1" ht="28.5" customHeight="1">
      <c r="A51" s="20"/>
      <c r="B51" s="21"/>
      <c r="C51" s="42" t="s">
        <v>33</v>
      </c>
      <c r="D51" s="38" t="s">
        <v>796</v>
      </c>
      <c r="E51" s="42"/>
      <c r="F51" s="46" t="s">
        <v>797</v>
      </c>
      <c r="G51" s="42"/>
      <c r="H51" s="46" t="s">
        <v>798</v>
      </c>
      <c r="I51" s="42"/>
      <c r="J51" s="46" t="s">
        <v>44</v>
      </c>
      <c r="K51" s="42"/>
      <c r="L51" s="46" t="s">
        <v>799</v>
      </c>
      <c r="M51" s="42"/>
      <c r="N51" s="84" t="s">
        <v>799</v>
      </c>
    </row>
    <row r="52" spans="1:14" customFormat="1" ht="28.5" customHeight="1">
      <c r="A52" s="20"/>
      <c r="B52" s="21"/>
      <c r="C52" s="42" t="s">
        <v>41</v>
      </c>
      <c r="D52" s="38" t="s">
        <v>800</v>
      </c>
      <c r="E52" s="42"/>
      <c r="F52" s="46" t="s">
        <v>801</v>
      </c>
      <c r="G52" s="42"/>
      <c r="H52" s="46" t="s">
        <v>802</v>
      </c>
      <c r="I52" s="42"/>
      <c r="J52" s="46" t="s">
        <v>803</v>
      </c>
      <c r="K52" s="42"/>
      <c r="L52" s="46" t="s">
        <v>804</v>
      </c>
      <c r="M52" s="42"/>
      <c r="N52" s="84" t="s">
        <v>805</v>
      </c>
    </row>
    <row r="53" spans="1:14" customFormat="1" ht="28.5" customHeight="1">
      <c r="A53" s="20"/>
      <c r="B53" s="21"/>
      <c r="C53" s="42" t="s">
        <v>45</v>
      </c>
      <c r="D53" s="38" t="s">
        <v>806</v>
      </c>
      <c r="E53" s="42"/>
      <c r="F53" s="46" t="s">
        <v>807</v>
      </c>
      <c r="G53" s="42"/>
      <c r="H53" s="46" t="s">
        <v>808</v>
      </c>
      <c r="I53" s="42"/>
      <c r="J53" s="46" t="s">
        <v>809</v>
      </c>
      <c r="K53" s="42"/>
      <c r="L53" s="46" t="s">
        <v>810</v>
      </c>
      <c r="M53" s="42"/>
      <c r="N53" s="84" t="s">
        <v>811</v>
      </c>
    </row>
    <row r="54" spans="1:14" customFormat="1" ht="28.5" customHeight="1">
      <c r="A54" s="20"/>
      <c r="B54" s="21"/>
      <c r="C54" s="42" t="s">
        <v>53</v>
      </c>
      <c r="D54" s="38" t="s">
        <v>812</v>
      </c>
      <c r="E54" s="42"/>
      <c r="F54" s="46" t="s">
        <v>813</v>
      </c>
      <c r="G54" s="42"/>
      <c r="H54" s="46" t="s">
        <v>814</v>
      </c>
      <c r="I54" s="42"/>
      <c r="J54" s="46" t="s">
        <v>815</v>
      </c>
      <c r="K54" s="42"/>
      <c r="L54" s="46" t="s">
        <v>816</v>
      </c>
      <c r="M54" s="42"/>
      <c r="N54" s="84" t="s">
        <v>817</v>
      </c>
    </row>
    <row r="55" spans="1:14" customFormat="1" ht="28.5" customHeight="1">
      <c r="A55" s="56" t="s">
        <v>72</v>
      </c>
      <c r="B55" s="57" t="s">
        <v>818</v>
      </c>
      <c r="C55" s="42"/>
      <c r="D55" s="58"/>
      <c r="E55" s="42"/>
      <c r="F55" s="85" t="s">
        <v>819</v>
      </c>
      <c r="G55" s="62"/>
      <c r="H55" s="85" t="s">
        <v>820</v>
      </c>
      <c r="I55" s="62"/>
      <c r="J55" s="85" t="s">
        <v>821</v>
      </c>
      <c r="K55" s="62"/>
      <c r="L55" s="85" t="s">
        <v>822</v>
      </c>
      <c r="M55" s="62"/>
      <c r="N55" s="86" t="s">
        <v>823</v>
      </c>
    </row>
    <row r="56" spans="1:14" customFormat="1" ht="28.5" customHeight="1">
      <c r="A56" s="20"/>
      <c r="B56" s="21"/>
      <c r="C56" s="42" t="s">
        <v>17</v>
      </c>
      <c r="D56" s="38" t="s">
        <v>824</v>
      </c>
      <c r="E56" s="42"/>
      <c r="F56" s="46" t="s">
        <v>825</v>
      </c>
      <c r="G56" s="42"/>
      <c r="H56" s="46" t="s">
        <v>826</v>
      </c>
      <c r="I56" s="42"/>
      <c r="J56" s="46" t="s">
        <v>827</v>
      </c>
      <c r="K56" s="42"/>
      <c r="L56" s="46" t="s">
        <v>828</v>
      </c>
      <c r="M56" s="42"/>
      <c r="N56" s="84" t="s">
        <v>829</v>
      </c>
    </row>
    <row r="57" spans="1:14" customFormat="1" ht="28.5" customHeight="1">
      <c r="A57" s="20"/>
      <c r="B57" s="21"/>
      <c r="C57" s="42" t="s">
        <v>33</v>
      </c>
      <c r="D57" s="38" t="s">
        <v>830</v>
      </c>
      <c r="E57" s="42"/>
      <c r="F57" s="46" t="s">
        <v>831</v>
      </c>
      <c r="G57" s="42"/>
      <c r="H57" s="46" t="s">
        <v>832</v>
      </c>
      <c r="I57" s="42"/>
      <c r="J57" s="46" t="s">
        <v>833</v>
      </c>
      <c r="K57" s="42"/>
      <c r="L57" s="46" t="s">
        <v>834</v>
      </c>
      <c r="M57" s="42"/>
      <c r="N57" s="84" t="s">
        <v>835</v>
      </c>
    </row>
    <row r="58" spans="1:14" customFormat="1" ht="28.5" customHeight="1">
      <c r="A58" s="20"/>
      <c r="B58" s="21"/>
      <c r="C58" s="42" t="s">
        <v>41</v>
      </c>
      <c r="D58" s="38" t="s">
        <v>836</v>
      </c>
      <c r="E58" s="42"/>
      <c r="F58" s="46" t="s">
        <v>837</v>
      </c>
      <c r="G58" s="42"/>
      <c r="H58" s="46" t="s">
        <v>838</v>
      </c>
      <c r="I58" s="42"/>
      <c r="J58" s="46" t="s">
        <v>44</v>
      </c>
      <c r="K58" s="42"/>
      <c r="L58" s="46" t="s">
        <v>839</v>
      </c>
      <c r="M58" s="42"/>
      <c r="N58" s="84" t="s">
        <v>839</v>
      </c>
    </row>
    <row r="59" spans="1:14" customFormat="1" ht="28.5" customHeight="1">
      <c r="A59" s="56" t="s">
        <v>80</v>
      </c>
      <c r="B59" s="57" t="s">
        <v>840</v>
      </c>
      <c r="C59" s="42"/>
      <c r="D59" s="58"/>
      <c r="E59" s="42"/>
      <c r="F59" s="85" t="s">
        <v>841</v>
      </c>
      <c r="G59" s="62"/>
      <c r="H59" s="85" t="s">
        <v>842</v>
      </c>
      <c r="I59" s="62"/>
      <c r="J59" s="85" t="s">
        <v>843</v>
      </c>
      <c r="K59" s="62"/>
      <c r="L59" s="85" t="s">
        <v>844</v>
      </c>
      <c r="M59" s="62"/>
      <c r="N59" s="86" t="s">
        <v>845</v>
      </c>
    </row>
    <row r="60" spans="1:14" customFormat="1" ht="28.5" customHeight="1">
      <c r="A60" s="20"/>
      <c r="B60" s="21"/>
      <c r="C60" s="42" t="s">
        <v>17</v>
      </c>
      <c r="D60" s="38" t="s">
        <v>846</v>
      </c>
      <c r="E60" s="42"/>
      <c r="F60" s="46" t="s">
        <v>847</v>
      </c>
      <c r="G60" s="42"/>
      <c r="H60" s="46" t="s">
        <v>848</v>
      </c>
      <c r="I60" s="42"/>
      <c r="J60" s="46" t="s">
        <v>849</v>
      </c>
      <c r="K60" s="42"/>
      <c r="L60" s="46" t="s">
        <v>850</v>
      </c>
      <c r="M60" s="42"/>
      <c r="N60" s="84" t="s">
        <v>851</v>
      </c>
    </row>
    <row r="61" spans="1:14" customFormat="1" ht="28.5" customHeight="1">
      <c r="A61" s="20"/>
      <c r="B61" s="21"/>
      <c r="C61" s="42" t="s">
        <v>33</v>
      </c>
      <c r="D61" s="38" t="s">
        <v>852</v>
      </c>
      <c r="E61" s="42"/>
      <c r="F61" s="46" t="s">
        <v>853</v>
      </c>
      <c r="G61" s="42"/>
      <c r="H61" s="46" t="s">
        <v>854</v>
      </c>
      <c r="I61" s="42"/>
      <c r="J61" s="46" t="s">
        <v>855</v>
      </c>
      <c r="K61" s="42"/>
      <c r="L61" s="46" t="s">
        <v>856</v>
      </c>
      <c r="M61" s="42"/>
      <c r="N61" s="84" t="s">
        <v>857</v>
      </c>
    </row>
    <row r="62" spans="1:14" customFormat="1" ht="28.5" customHeight="1">
      <c r="A62" s="20"/>
      <c r="B62" s="21"/>
      <c r="C62" s="42" t="s">
        <v>41</v>
      </c>
      <c r="D62" s="38" t="s">
        <v>858</v>
      </c>
      <c r="E62" s="42"/>
      <c r="F62" s="46" t="s">
        <v>859</v>
      </c>
      <c r="G62" s="42"/>
      <c r="H62" s="46" t="s">
        <v>860</v>
      </c>
      <c r="I62" s="42"/>
      <c r="J62" s="46" t="s">
        <v>861</v>
      </c>
      <c r="K62" s="42"/>
      <c r="L62" s="46" t="s">
        <v>862</v>
      </c>
      <c r="M62" s="42"/>
      <c r="N62" s="84" t="s">
        <v>863</v>
      </c>
    </row>
    <row r="63" spans="1:14" customFormat="1" ht="28.5" customHeight="1">
      <c r="A63" s="47"/>
      <c r="B63" s="48"/>
      <c r="C63" s="49" t="s">
        <v>45</v>
      </c>
      <c r="D63" s="50" t="s">
        <v>864</v>
      </c>
      <c r="E63" s="49"/>
      <c r="F63" s="66" t="s">
        <v>865</v>
      </c>
      <c r="G63" s="49"/>
      <c r="H63" s="66" t="s">
        <v>866</v>
      </c>
      <c r="I63" s="49"/>
      <c r="J63" s="66" t="s">
        <v>867</v>
      </c>
      <c r="K63" s="49"/>
      <c r="L63" s="66" t="s">
        <v>868</v>
      </c>
      <c r="M63" s="49"/>
      <c r="N63" s="87" t="s">
        <v>869</v>
      </c>
    </row>
    <row r="66" spans="1:17" s="1" customFormat="1" ht="24.75" customHeight="1">
      <c r="A66" s="5"/>
      <c r="B66" s="6"/>
      <c r="C66" s="6"/>
      <c r="D66" s="6"/>
      <c r="E66" s="6"/>
      <c r="F66" s="6"/>
      <c r="G66" s="6"/>
      <c r="H66" s="6"/>
      <c r="I66" s="6"/>
      <c r="J66" s="6"/>
      <c r="K66" s="6"/>
      <c r="L66" s="6"/>
      <c r="M66" s="6"/>
      <c r="N66" s="81" t="s">
        <v>3</v>
      </c>
      <c r="O66" s="2"/>
      <c r="P66" s="2"/>
      <c r="Q66" s="3"/>
    </row>
    <row r="67" spans="1:17" ht="19.5" customHeight="1">
      <c r="A67" s="105" t="s">
        <v>4</v>
      </c>
      <c r="B67" s="102"/>
      <c r="C67" s="102" t="s">
        <v>5</v>
      </c>
      <c r="D67" s="102"/>
      <c r="E67" s="102" t="s">
        <v>6</v>
      </c>
      <c r="F67" s="102"/>
      <c r="G67" s="102" t="s">
        <v>588</v>
      </c>
      <c r="H67" s="102"/>
      <c r="I67" s="102" t="s">
        <v>589</v>
      </c>
      <c r="J67" s="102"/>
      <c r="K67" s="102" t="s">
        <v>590</v>
      </c>
      <c r="L67" s="102"/>
      <c r="M67" s="107" t="s">
        <v>591</v>
      </c>
      <c r="N67" s="108"/>
      <c r="O67" s="8"/>
      <c r="P67" s="8"/>
      <c r="Q67" s="9"/>
    </row>
    <row r="68" spans="1:17" ht="19.5" customHeight="1">
      <c r="A68" s="106"/>
      <c r="B68" s="103"/>
      <c r="C68" s="103"/>
      <c r="D68" s="103"/>
      <c r="E68" s="103"/>
      <c r="F68" s="103"/>
      <c r="G68" s="103"/>
      <c r="H68" s="103"/>
      <c r="I68" s="103"/>
      <c r="J68" s="103"/>
      <c r="K68" s="103"/>
      <c r="L68" s="103"/>
      <c r="M68" s="109"/>
      <c r="N68" s="110"/>
      <c r="O68" s="8"/>
      <c r="P68" s="8"/>
      <c r="Q68" s="9"/>
    </row>
    <row r="69" spans="1:17" ht="10.5" customHeight="1">
      <c r="A69" s="12"/>
      <c r="B69" s="13"/>
      <c r="C69" s="18"/>
      <c r="D69" s="14"/>
      <c r="E69" s="18"/>
      <c r="F69" s="17" t="s">
        <v>14</v>
      </c>
      <c r="G69" s="18"/>
      <c r="H69" s="17" t="s">
        <v>14</v>
      </c>
      <c r="I69" s="18"/>
      <c r="J69" s="17" t="s">
        <v>14</v>
      </c>
      <c r="K69" s="18"/>
      <c r="L69" s="17" t="s">
        <v>14</v>
      </c>
      <c r="M69" s="18"/>
      <c r="N69" s="19" t="s">
        <v>14</v>
      </c>
      <c r="O69" s="8"/>
      <c r="P69" s="8"/>
      <c r="Q69" s="9"/>
    </row>
    <row r="70" spans="1:17" customFormat="1" ht="28.5" customHeight="1">
      <c r="A70" s="20"/>
      <c r="B70" s="21"/>
      <c r="C70" s="24" t="s">
        <v>53</v>
      </c>
      <c r="D70" s="35" t="s">
        <v>870</v>
      </c>
      <c r="E70" s="24"/>
      <c r="F70" s="88" t="s">
        <v>871</v>
      </c>
      <c r="G70" s="24"/>
      <c r="H70" s="88" t="s">
        <v>872</v>
      </c>
      <c r="I70" s="24"/>
      <c r="J70" s="88" t="s">
        <v>873</v>
      </c>
      <c r="K70" s="24"/>
      <c r="L70" s="88" t="s">
        <v>874</v>
      </c>
      <c r="M70" s="24"/>
      <c r="N70" s="89" t="s">
        <v>875</v>
      </c>
    </row>
    <row r="71" spans="1:17" customFormat="1" ht="28.5" customHeight="1">
      <c r="A71" s="20"/>
      <c r="B71" s="21"/>
      <c r="C71" s="42" t="s">
        <v>61</v>
      </c>
      <c r="D71" s="38" t="s">
        <v>876</v>
      </c>
      <c r="E71" s="42"/>
      <c r="F71" s="46" t="s">
        <v>877</v>
      </c>
      <c r="G71" s="42"/>
      <c r="H71" s="46" t="s">
        <v>878</v>
      </c>
      <c r="I71" s="42"/>
      <c r="J71" s="46" t="s">
        <v>879</v>
      </c>
      <c r="K71" s="42"/>
      <c r="L71" s="46" t="s">
        <v>880</v>
      </c>
      <c r="M71" s="42"/>
      <c r="N71" s="84" t="s">
        <v>881</v>
      </c>
    </row>
    <row r="72" spans="1:17" customFormat="1" ht="28.5" customHeight="1">
      <c r="A72" s="20"/>
      <c r="B72" s="21"/>
      <c r="C72" s="42" t="s">
        <v>65</v>
      </c>
      <c r="D72" s="38" t="s">
        <v>882</v>
      </c>
      <c r="E72" s="42"/>
      <c r="F72" s="46" t="s">
        <v>883</v>
      </c>
      <c r="G72" s="42"/>
      <c r="H72" s="46" t="s">
        <v>884</v>
      </c>
      <c r="I72" s="42"/>
      <c r="J72" s="46" t="s">
        <v>885</v>
      </c>
      <c r="K72" s="42"/>
      <c r="L72" s="46" t="s">
        <v>886</v>
      </c>
      <c r="M72" s="42"/>
      <c r="N72" s="84" t="s">
        <v>887</v>
      </c>
    </row>
    <row r="73" spans="1:17" customFormat="1" ht="28.5" customHeight="1">
      <c r="A73" s="20"/>
      <c r="B73" s="21"/>
      <c r="C73" s="42" t="s">
        <v>72</v>
      </c>
      <c r="D73" s="38" t="s">
        <v>888</v>
      </c>
      <c r="E73" s="42"/>
      <c r="F73" s="46" t="s">
        <v>889</v>
      </c>
      <c r="G73" s="42"/>
      <c r="H73" s="46" t="s">
        <v>890</v>
      </c>
      <c r="I73" s="42"/>
      <c r="J73" s="46" t="s">
        <v>44</v>
      </c>
      <c r="K73" s="42"/>
      <c r="L73" s="46" t="s">
        <v>891</v>
      </c>
      <c r="M73" s="42"/>
      <c r="N73" s="84" t="s">
        <v>891</v>
      </c>
    </row>
    <row r="74" spans="1:17" customFormat="1" ht="28.5" customHeight="1">
      <c r="A74" s="20"/>
      <c r="B74" s="21"/>
      <c r="C74" s="42" t="s">
        <v>80</v>
      </c>
      <c r="D74" s="38" t="s">
        <v>892</v>
      </c>
      <c r="E74" s="42"/>
      <c r="F74" s="46" t="s">
        <v>893</v>
      </c>
      <c r="G74" s="42"/>
      <c r="H74" s="46" t="s">
        <v>894</v>
      </c>
      <c r="I74" s="42"/>
      <c r="J74" s="46" t="s">
        <v>44</v>
      </c>
      <c r="K74" s="42"/>
      <c r="L74" s="46" t="s">
        <v>895</v>
      </c>
      <c r="M74" s="42"/>
      <c r="N74" s="84" t="s">
        <v>895</v>
      </c>
    </row>
    <row r="75" spans="1:17" customFormat="1" ht="28.5" customHeight="1">
      <c r="A75" s="56" t="s">
        <v>85</v>
      </c>
      <c r="B75" s="57" t="s">
        <v>896</v>
      </c>
      <c r="C75" s="42"/>
      <c r="D75" s="58"/>
      <c r="E75" s="42"/>
      <c r="F75" s="85" t="s">
        <v>897</v>
      </c>
      <c r="G75" s="62"/>
      <c r="H75" s="85" t="s">
        <v>898</v>
      </c>
      <c r="I75" s="62"/>
      <c r="J75" s="85" t="s">
        <v>899</v>
      </c>
      <c r="K75" s="62"/>
      <c r="L75" s="85" t="s">
        <v>900</v>
      </c>
      <c r="M75" s="62"/>
      <c r="N75" s="86" t="s">
        <v>901</v>
      </c>
    </row>
    <row r="76" spans="1:17" customFormat="1" ht="28.5" customHeight="1">
      <c r="A76" s="20"/>
      <c r="B76" s="21"/>
      <c r="C76" s="42" t="s">
        <v>17</v>
      </c>
      <c r="D76" s="38" t="s">
        <v>902</v>
      </c>
      <c r="E76" s="42"/>
      <c r="F76" s="46" t="s">
        <v>903</v>
      </c>
      <c r="G76" s="42"/>
      <c r="H76" s="46" t="s">
        <v>904</v>
      </c>
      <c r="I76" s="42"/>
      <c r="J76" s="46" t="s">
        <v>905</v>
      </c>
      <c r="K76" s="42"/>
      <c r="L76" s="46" t="s">
        <v>906</v>
      </c>
      <c r="M76" s="42"/>
      <c r="N76" s="84" t="s">
        <v>907</v>
      </c>
    </row>
    <row r="77" spans="1:17" customFormat="1" ht="28.5" customHeight="1">
      <c r="A77" s="20"/>
      <c r="B77" s="21"/>
      <c r="C77" s="42" t="s">
        <v>33</v>
      </c>
      <c r="D77" s="38" t="s">
        <v>908</v>
      </c>
      <c r="E77" s="42"/>
      <c r="F77" s="46" t="s">
        <v>909</v>
      </c>
      <c r="G77" s="42"/>
      <c r="H77" s="46" t="s">
        <v>910</v>
      </c>
      <c r="I77" s="42"/>
      <c r="J77" s="46" t="s">
        <v>911</v>
      </c>
      <c r="K77" s="42"/>
      <c r="L77" s="46" t="s">
        <v>912</v>
      </c>
      <c r="M77" s="42"/>
      <c r="N77" s="84" t="s">
        <v>913</v>
      </c>
    </row>
    <row r="78" spans="1:17" customFormat="1" ht="28.5" customHeight="1">
      <c r="A78" s="56" t="s">
        <v>90</v>
      </c>
      <c r="B78" s="57" t="s">
        <v>914</v>
      </c>
      <c r="C78" s="42"/>
      <c r="D78" s="58"/>
      <c r="E78" s="42"/>
      <c r="F78" s="85" t="s">
        <v>915</v>
      </c>
      <c r="G78" s="62"/>
      <c r="H78" s="85" t="s">
        <v>916</v>
      </c>
      <c r="I78" s="62"/>
      <c r="J78" s="85" t="s">
        <v>917</v>
      </c>
      <c r="K78" s="62"/>
      <c r="L78" s="85" t="s">
        <v>918</v>
      </c>
      <c r="M78" s="62"/>
      <c r="N78" s="86" t="s">
        <v>919</v>
      </c>
    </row>
    <row r="79" spans="1:17" customFormat="1" ht="28.5" customHeight="1">
      <c r="A79" s="20"/>
      <c r="B79" s="21"/>
      <c r="C79" s="42" t="s">
        <v>17</v>
      </c>
      <c r="D79" s="38" t="s">
        <v>920</v>
      </c>
      <c r="E79" s="42"/>
      <c r="F79" s="46" t="s">
        <v>921</v>
      </c>
      <c r="G79" s="42"/>
      <c r="H79" s="46" t="s">
        <v>922</v>
      </c>
      <c r="I79" s="42"/>
      <c r="J79" s="46" t="s">
        <v>923</v>
      </c>
      <c r="K79" s="42"/>
      <c r="L79" s="46" t="s">
        <v>924</v>
      </c>
      <c r="M79" s="42"/>
      <c r="N79" s="84" t="s">
        <v>925</v>
      </c>
    </row>
    <row r="80" spans="1:17" customFormat="1" ht="28.5" customHeight="1">
      <c r="A80" s="20"/>
      <c r="B80" s="21"/>
      <c r="C80" s="42" t="s">
        <v>33</v>
      </c>
      <c r="D80" s="38" t="s">
        <v>926</v>
      </c>
      <c r="E80" s="42"/>
      <c r="F80" s="46" t="s">
        <v>927</v>
      </c>
      <c r="G80" s="42"/>
      <c r="H80" s="46" t="s">
        <v>928</v>
      </c>
      <c r="I80" s="42"/>
      <c r="J80" s="46" t="s">
        <v>44</v>
      </c>
      <c r="K80" s="42"/>
      <c r="L80" s="46" t="s">
        <v>929</v>
      </c>
      <c r="M80" s="42"/>
      <c r="N80" s="84" t="s">
        <v>929</v>
      </c>
    </row>
    <row r="81" spans="1:14" customFormat="1" ht="28.5" customHeight="1">
      <c r="A81" s="20"/>
      <c r="B81" s="21"/>
      <c r="C81" s="42" t="s">
        <v>41</v>
      </c>
      <c r="D81" s="38" t="s">
        <v>930</v>
      </c>
      <c r="E81" s="42"/>
      <c r="F81" s="46" t="s">
        <v>931</v>
      </c>
      <c r="G81" s="42"/>
      <c r="H81" s="46" t="s">
        <v>932</v>
      </c>
      <c r="I81" s="42"/>
      <c r="J81" s="46" t="s">
        <v>44</v>
      </c>
      <c r="K81" s="42"/>
      <c r="L81" s="46" t="s">
        <v>933</v>
      </c>
      <c r="M81" s="42"/>
      <c r="N81" s="84" t="s">
        <v>933</v>
      </c>
    </row>
    <row r="82" spans="1:14" customFormat="1" ht="28.5" customHeight="1">
      <c r="A82" s="20"/>
      <c r="B82" s="21"/>
      <c r="C82" s="42" t="s">
        <v>45</v>
      </c>
      <c r="D82" s="38" t="s">
        <v>934</v>
      </c>
      <c r="E82" s="42"/>
      <c r="F82" s="46" t="s">
        <v>935</v>
      </c>
      <c r="G82" s="42"/>
      <c r="H82" s="46" t="s">
        <v>936</v>
      </c>
      <c r="I82" s="42"/>
      <c r="J82" s="46" t="s">
        <v>937</v>
      </c>
      <c r="K82" s="42"/>
      <c r="L82" s="46" t="s">
        <v>938</v>
      </c>
      <c r="M82" s="42"/>
      <c r="N82" s="84" t="s">
        <v>939</v>
      </c>
    </row>
    <row r="83" spans="1:14" customFormat="1" ht="28.5" customHeight="1">
      <c r="A83" s="20"/>
      <c r="B83" s="21"/>
      <c r="C83" s="42" t="s">
        <v>53</v>
      </c>
      <c r="D83" s="38" t="s">
        <v>940</v>
      </c>
      <c r="E83" s="42"/>
      <c r="F83" s="46" t="s">
        <v>941</v>
      </c>
      <c r="G83" s="42"/>
      <c r="H83" s="46" t="s">
        <v>942</v>
      </c>
      <c r="I83" s="42"/>
      <c r="J83" s="46" t="s">
        <v>943</v>
      </c>
      <c r="K83" s="42"/>
      <c r="L83" s="46" t="s">
        <v>944</v>
      </c>
      <c r="M83" s="42"/>
      <c r="N83" s="84" t="s">
        <v>945</v>
      </c>
    </row>
    <row r="84" spans="1:14" customFormat="1" ht="28.5" customHeight="1">
      <c r="A84" s="20"/>
      <c r="B84" s="21"/>
      <c r="C84" s="42" t="s">
        <v>61</v>
      </c>
      <c r="D84" s="38" t="s">
        <v>946</v>
      </c>
      <c r="E84" s="42"/>
      <c r="F84" s="46" t="s">
        <v>947</v>
      </c>
      <c r="G84" s="42"/>
      <c r="H84" s="46" t="s">
        <v>948</v>
      </c>
      <c r="I84" s="42"/>
      <c r="J84" s="46" t="s">
        <v>949</v>
      </c>
      <c r="K84" s="42"/>
      <c r="L84" s="46" t="s">
        <v>950</v>
      </c>
      <c r="M84" s="42"/>
      <c r="N84" s="84" t="s">
        <v>951</v>
      </c>
    </row>
    <row r="85" spans="1:14" customFormat="1" ht="28.5" customHeight="1">
      <c r="A85" s="20"/>
      <c r="B85" s="21"/>
      <c r="C85" s="42" t="s">
        <v>65</v>
      </c>
      <c r="D85" s="38" t="s">
        <v>952</v>
      </c>
      <c r="E85" s="42"/>
      <c r="F85" s="46" t="s">
        <v>953</v>
      </c>
      <c r="G85" s="42"/>
      <c r="H85" s="46" t="s">
        <v>954</v>
      </c>
      <c r="I85" s="42"/>
      <c r="J85" s="46" t="s">
        <v>44</v>
      </c>
      <c r="K85" s="42"/>
      <c r="L85" s="46" t="s">
        <v>955</v>
      </c>
      <c r="M85" s="42"/>
      <c r="N85" s="84" t="s">
        <v>955</v>
      </c>
    </row>
    <row r="86" spans="1:14" customFormat="1" ht="28.5" customHeight="1">
      <c r="A86" s="20"/>
      <c r="B86" s="21"/>
      <c r="C86" s="42" t="s">
        <v>72</v>
      </c>
      <c r="D86" s="38" t="s">
        <v>956</v>
      </c>
      <c r="E86" s="42"/>
      <c r="F86" s="46" t="s">
        <v>957</v>
      </c>
      <c r="G86" s="42"/>
      <c r="H86" s="46" t="s">
        <v>958</v>
      </c>
      <c r="I86" s="42"/>
      <c r="J86" s="46" t="s">
        <v>959</v>
      </c>
      <c r="K86" s="42"/>
      <c r="L86" s="46" t="s">
        <v>960</v>
      </c>
      <c r="M86" s="42"/>
      <c r="N86" s="84" t="s">
        <v>961</v>
      </c>
    </row>
    <row r="87" spans="1:14" customFormat="1" ht="28.5" customHeight="1">
      <c r="A87" s="20"/>
      <c r="B87" s="21"/>
      <c r="C87" s="42" t="s">
        <v>80</v>
      </c>
      <c r="D87" s="38" t="s">
        <v>962</v>
      </c>
      <c r="E87" s="42"/>
      <c r="F87" s="46" t="s">
        <v>963</v>
      </c>
      <c r="G87" s="42"/>
      <c r="H87" s="46" t="s">
        <v>964</v>
      </c>
      <c r="I87" s="42"/>
      <c r="J87" s="46" t="s">
        <v>44</v>
      </c>
      <c r="K87" s="42"/>
      <c r="L87" s="46" t="s">
        <v>965</v>
      </c>
      <c r="M87" s="42"/>
      <c r="N87" s="84" t="s">
        <v>965</v>
      </c>
    </row>
    <row r="88" spans="1:14" customFormat="1" ht="28.5" customHeight="1">
      <c r="A88" s="56" t="s">
        <v>216</v>
      </c>
      <c r="B88" s="57" t="s">
        <v>966</v>
      </c>
      <c r="C88" s="42"/>
      <c r="D88" s="58"/>
      <c r="E88" s="42"/>
      <c r="F88" s="85" t="s">
        <v>967</v>
      </c>
      <c r="G88" s="62"/>
      <c r="H88" s="85" t="s">
        <v>968</v>
      </c>
      <c r="I88" s="62"/>
      <c r="J88" s="85" t="s">
        <v>969</v>
      </c>
      <c r="K88" s="62"/>
      <c r="L88" s="85" t="s">
        <v>970</v>
      </c>
      <c r="M88" s="62"/>
      <c r="N88" s="86" t="s">
        <v>971</v>
      </c>
    </row>
    <row r="89" spans="1:14" customFormat="1" ht="28.5" customHeight="1">
      <c r="A89" s="20"/>
      <c r="B89" s="21"/>
      <c r="C89" s="42" t="s">
        <v>17</v>
      </c>
      <c r="D89" s="76" t="s">
        <v>972</v>
      </c>
      <c r="E89" s="42"/>
      <c r="F89" s="46" t="s">
        <v>973</v>
      </c>
      <c r="G89" s="42"/>
      <c r="H89" s="46" t="s">
        <v>974</v>
      </c>
      <c r="I89" s="42"/>
      <c r="J89" s="46" t="s">
        <v>975</v>
      </c>
      <c r="K89" s="42"/>
      <c r="L89" s="46" t="s">
        <v>976</v>
      </c>
      <c r="M89" s="42"/>
      <c r="N89" s="84" t="s">
        <v>977</v>
      </c>
    </row>
    <row r="90" spans="1:14" customFormat="1" ht="28.5" customHeight="1">
      <c r="A90" s="20"/>
      <c r="B90" s="21"/>
      <c r="C90" s="42" t="s">
        <v>33</v>
      </c>
      <c r="D90" s="76" t="s">
        <v>978</v>
      </c>
      <c r="E90" s="42"/>
      <c r="F90" s="46" t="s">
        <v>979</v>
      </c>
      <c r="G90" s="42"/>
      <c r="H90" s="46" t="s">
        <v>980</v>
      </c>
      <c r="I90" s="42"/>
      <c r="J90" s="46" t="s">
        <v>981</v>
      </c>
      <c r="K90" s="42"/>
      <c r="L90" s="46" t="s">
        <v>982</v>
      </c>
      <c r="M90" s="42"/>
      <c r="N90" s="84" t="s">
        <v>983</v>
      </c>
    </row>
    <row r="91" spans="1:14" customFormat="1" ht="28.5" customHeight="1">
      <c r="A91" s="56" t="s">
        <v>221</v>
      </c>
      <c r="B91" s="57" t="s">
        <v>984</v>
      </c>
      <c r="C91" s="42"/>
      <c r="D91" s="58"/>
      <c r="E91" s="42"/>
      <c r="F91" s="85" t="s">
        <v>985</v>
      </c>
      <c r="G91" s="62"/>
      <c r="H91" s="85" t="s">
        <v>986</v>
      </c>
      <c r="I91" s="62"/>
      <c r="J91" s="85" t="s">
        <v>44</v>
      </c>
      <c r="K91" s="62"/>
      <c r="L91" s="85" t="s">
        <v>987</v>
      </c>
      <c r="M91" s="62"/>
      <c r="N91" s="86" t="s">
        <v>987</v>
      </c>
    </row>
    <row r="92" spans="1:14" customFormat="1" ht="28.5" customHeight="1">
      <c r="A92" s="20"/>
      <c r="B92" s="21"/>
      <c r="C92" s="42" t="s">
        <v>17</v>
      </c>
      <c r="D92" s="38" t="s">
        <v>984</v>
      </c>
      <c r="E92" s="42"/>
      <c r="F92" s="46" t="s">
        <v>985</v>
      </c>
      <c r="G92" s="42"/>
      <c r="H92" s="46" t="s">
        <v>986</v>
      </c>
      <c r="I92" s="42"/>
      <c r="J92" s="46" t="s">
        <v>44</v>
      </c>
      <c r="K92" s="42"/>
      <c r="L92" s="46" t="s">
        <v>987</v>
      </c>
      <c r="M92" s="42"/>
      <c r="N92" s="84" t="s">
        <v>987</v>
      </c>
    </row>
    <row r="93" spans="1:14" customFormat="1" ht="28.5" customHeight="1">
      <c r="A93" s="56" t="s">
        <v>292</v>
      </c>
      <c r="B93" s="57" t="s">
        <v>988</v>
      </c>
      <c r="C93" s="42"/>
      <c r="D93" s="58"/>
      <c r="E93" s="42"/>
      <c r="F93" s="85" t="s">
        <v>989</v>
      </c>
      <c r="G93" s="62"/>
      <c r="H93" s="85" t="s">
        <v>990</v>
      </c>
      <c r="I93" s="62"/>
      <c r="J93" s="85" t="s">
        <v>44</v>
      </c>
      <c r="K93" s="62"/>
      <c r="L93" s="85" t="s">
        <v>991</v>
      </c>
      <c r="M93" s="62"/>
      <c r="N93" s="86" t="s">
        <v>991</v>
      </c>
    </row>
    <row r="94" spans="1:14" customFormat="1" ht="28.5" customHeight="1">
      <c r="A94" s="20"/>
      <c r="B94" s="21"/>
      <c r="C94" s="42" t="s">
        <v>17</v>
      </c>
      <c r="D94" s="38" t="s">
        <v>992</v>
      </c>
      <c r="E94" s="42"/>
      <c r="F94" s="46" t="s">
        <v>989</v>
      </c>
      <c r="G94" s="42"/>
      <c r="H94" s="46" t="s">
        <v>990</v>
      </c>
      <c r="I94" s="42"/>
      <c r="J94" s="46" t="s">
        <v>44</v>
      </c>
      <c r="K94" s="42"/>
      <c r="L94" s="46" t="s">
        <v>991</v>
      </c>
      <c r="M94" s="42"/>
      <c r="N94" s="84" t="s">
        <v>991</v>
      </c>
    </row>
    <row r="95" spans="1:14" customFormat="1" ht="28.5" customHeight="1">
      <c r="A95" s="90" t="s">
        <v>993</v>
      </c>
      <c r="B95" s="91" t="s">
        <v>994</v>
      </c>
      <c r="C95" s="49"/>
      <c r="D95" s="92"/>
      <c r="E95" s="49"/>
      <c r="F95" s="93" t="s">
        <v>995</v>
      </c>
      <c r="G95" s="94"/>
      <c r="H95" s="93" t="s">
        <v>44</v>
      </c>
      <c r="I95" s="94"/>
      <c r="J95" s="93" t="s">
        <v>44</v>
      </c>
      <c r="K95" s="94"/>
      <c r="L95" s="93" t="s">
        <v>995</v>
      </c>
      <c r="M95" s="94"/>
      <c r="N95" s="95" t="s">
        <v>995</v>
      </c>
    </row>
    <row r="98" spans="1:17" s="1" customFormat="1" ht="24.75" customHeight="1">
      <c r="A98" s="5"/>
      <c r="B98" s="6"/>
      <c r="C98" s="6"/>
      <c r="D98" s="6"/>
      <c r="E98" s="6"/>
      <c r="F98" s="6"/>
      <c r="G98" s="6"/>
      <c r="H98" s="6"/>
      <c r="I98" s="6"/>
      <c r="J98" s="6"/>
      <c r="K98" s="6"/>
      <c r="L98" s="6"/>
      <c r="M98" s="6"/>
      <c r="N98" s="81" t="s">
        <v>3</v>
      </c>
      <c r="O98" s="2"/>
      <c r="P98" s="2"/>
      <c r="Q98" s="3"/>
    </row>
    <row r="99" spans="1:17" ht="19.5" customHeight="1">
      <c r="A99" s="105" t="s">
        <v>4</v>
      </c>
      <c r="B99" s="102"/>
      <c r="C99" s="102" t="s">
        <v>5</v>
      </c>
      <c r="D99" s="102"/>
      <c r="E99" s="102" t="s">
        <v>6</v>
      </c>
      <c r="F99" s="102"/>
      <c r="G99" s="102" t="s">
        <v>588</v>
      </c>
      <c r="H99" s="102"/>
      <c r="I99" s="102" t="s">
        <v>589</v>
      </c>
      <c r="J99" s="102"/>
      <c r="K99" s="102" t="s">
        <v>590</v>
      </c>
      <c r="L99" s="102"/>
      <c r="M99" s="107" t="s">
        <v>591</v>
      </c>
      <c r="N99" s="108"/>
      <c r="O99" s="8"/>
      <c r="P99" s="8"/>
      <c r="Q99" s="9"/>
    </row>
    <row r="100" spans="1:17" ht="19.5" customHeight="1">
      <c r="A100" s="106"/>
      <c r="B100" s="103"/>
      <c r="C100" s="103"/>
      <c r="D100" s="103"/>
      <c r="E100" s="103"/>
      <c r="F100" s="103"/>
      <c r="G100" s="103"/>
      <c r="H100" s="103"/>
      <c r="I100" s="103"/>
      <c r="J100" s="103"/>
      <c r="K100" s="103"/>
      <c r="L100" s="103"/>
      <c r="M100" s="109"/>
      <c r="N100" s="110"/>
      <c r="O100" s="8"/>
      <c r="P100" s="8"/>
      <c r="Q100" s="9"/>
    </row>
    <row r="101" spans="1:17" ht="10.5" customHeight="1">
      <c r="A101" s="12"/>
      <c r="B101" s="13"/>
      <c r="C101" s="18"/>
      <c r="D101" s="14"/>
      <c r="E101" s="18"/>
      <c r="F101" s="17" t="s">
        <v>14</v>
      </c>
      <c r="G101" s="18"/>
      <c r="H101" s="17" t="s">
        <v>14</v>
      </c>
      <c r="I101" s="18"/>
      <c r="J101" s="17" t="s">
        <v>14</v>
      </c>
      <c r="K101" s="18"/>
      <c r="L101" s="17" t="s">
        <v>14</v>
      </c>
      <c r="M101" s="18"/>
      <c r="N101" s="19" t="s">
        <v>14</v>
      </c>
      <c r="O101" s="8"/>
      <c r="P101" s="8"/>
      <c r="Q101" s="9"/>
    </row>
    <row r="102" spans="1:17" customFormat="1" ht="28.5" customHeight="1">
      <c r="A102" s="20"/>
      <c r="B102" s="21"/>
      <c r="C102" s="24" t="s">
        <v>17</v>
      </c>
      <c r="D102" s="35" t="s">
        <v>994</v>
      </c>
      <c r="E102" s="24"/>
      <c r="F102" s="88" t="s">
        <v>995</v>
      </c>
      <c r="G102" s="24"/>
      <c r="H102" s="88" t="s">
        <v>44</v>
      </c>
      <c r="I102" s="24"/>
      <c r="J102" s="88" t="s">
        <v>44</v>
      </c>
      <c r="K102" s="24"/>
      <c r="L102" s="88" t="s">
        <v>995</v>
      </c>
      <c r="M102" s="24"/>
      <c r="N102" s="89" t="s">
        <v>995</v>
      </c>
    </row>
    <row r="103" spans="1:17" s="67" customFormat="1" ht="28.5" customHeight="1">
      <c r="A103" s="111" t="s">
        <v>996</v>
      </c>
      <c r="B103" s="112"/>
      <c r="C103" s="112"/>
      <c r="D103" s="112"/>
      <c r="E103" s="96"/>
      <c r="F103" s="75" t="s">
        <v>297</v>
      </c>
      <c r="G103" s="71"/>
      <c r="H103" s="75" t="s">
        <v>997</v>
      </c>
      <c r="I103" s="71"/>
      <c r="J103" s="75" t="s">
        <v>998</v>
      </c>
      <c r="K103" s="71"/>
      <c r="L103" s="75" t="s">
        <v>999</v>
      </c>
      <c r="M103" s="71"/>
      <c r="N103" s="97" t="s">
        <v>1000</v>
      </c>
    </row>
    <row r="104" spans="1:17" ht="18" customHeight="1">
      <c r="E104" s="98"/>
      <c r="G104" s="98"/>
      <c r="J104" s="98"/>
    </row>
    <row r="105" spans="1:17" ht="18" customHeight="1">
      <c r="D105" s="113" t="s">
        <v>1001</v>
      </c>
      <c r="E105" s="113"/>
      <c r="F105" s="113"/>
      <c r="G105" s="113"/>
      <c r="H105" s="99"/>
      <c r="I105" s="99"/>
      <c r="J105" s="100" t="s">
        <v>1002</v>
      </c>
    </row>
    <row r="106" spans="1:17" ht="18" customHeight="1">
      <c r="D106" s="113" t="s">
        <v>1003</v>
      </c>
      <c r="E106" s="113"/>
      <c r="F106" s="113"/>
      <c r="G106" s="113"/>
      <c r="H106" s="99"/>
      <c r="I106" s="99"/>
      <c r="J106" s="100" t="s">
        <v>1004</v>
      </c>
    </row>
    <row r="107" spans="1:17" ht="18" customHeight="1">
      <c r="D107" s="99"/>
      <c r="E107" s="100"/>
      <c r="F107" s="99"/>
      <c r="G107" s="99"/>
      <c r="H107" s="99"/>
      <c r="I107" s="99"/>
      <c r="J107" s="99"/>
    </row>
    <row r="108" spans="1:17" ht="28.5" customHeight="1">
      <c r="D108" s="101" t="s">
        <v>1006</v>
      </c>
      <c r="E108" s="99"/>
      <c r="F108" s="99"/>
      <c r="G108" s="99"/>
      <c r="H108" s="99"/>
      <c r="I108" s="99"/>
      <c r="J108" s="99"/>
    </row>
    <row r="109" spans="1:17" ht="28.5" customHeight="1">
      <c r="D109" s="99"/>
      <c r="E109" s="99"/>
      <c r="F109" s="99"/>
      <c r="G109" s="99"/>
      <c r="H109" s="99"/>
      <c r="I109" s="99"/>
      <c r="J109" s="99"/>
    </row>
    <row r="110" spans="1:17" ht="28.5" customHeight="1">
      <c r="D110" s="99"/>
      <c r="E110" s="99"/>
      <c r="F110" s="99"/>
      <c r="G110" s="99"/>
      <c r="H110" s="101" t="s">
        <v>1005</v>
      </c>
      <c r="I110" s="99"/>
      <c r="J110" s="99"/>
    </row>
  </sheetData>
  <mergeCells count="31">
    <mergeCell ref="A103:D103"/>
    <mergeCell ref="D105:G105"/>
    <mergeCell ref="D106:G106"/>
    <mergeCell ref="M67:N68"/>
    <mergeCell ref="A99:B100"/>
    <mergeCell ref="C99:D100"/>
    <mergeCell ref="E99:F100"/>
    <mergeCell ref="G99:H100"/>
    <mergeCell ref="I99:J100"/>
    <mergeCell ref="K99:L100"/>
    <mergeCell ref="M99:N100"/>
    <mergeCell ref="A67:B68"/>
    <mergeCell ref="C67:D68"/>
    <mergeCell ref="E67:F68"/>
    <mergeCell ref="G67:H68"/>
    <mergeCell ref="I67:J68"/>
    <mergeCell ref="K67:L68"/>
    <mergeCell ref="M3:N4"/>
    <mergeCell ref="A35:B36"/>
    <mergeCell ref="C35:D36"/>
    <mergeCell ref="E35:F36"/>
    <mergeCell ref="G35:H36"/>
    <mergeCell ref="I35:J36"/>
    <mergeCell ref="K35:L36"/>
    <mergeCell ref="M35:N36"/>
    <mergeCell ref="A3:B4"/>
    <mergeCell ref="C3:D4"/>
    <mergeCell ref="E3:F4"/>
    <mergeCell ref="G3:H4"/>
    <mergeCell ref="I3:J4"/>
    <mergeCell ref="K3:L4"/>
  </mergeCells>
  <phoneticPr fontId="1"/>
  <pageMargins left="0.39370078740157483" right="0.39370078740157483" top="0.39370078740157483" bottom="0" header="0.19685039370078741" footer="0.19685039370078741"/>
  <pageSetup paperSize="9" scale="97" firstPageNumber="4" pageOrder="overThenDown" orientation="portrait" useFirstPageNumber="1" r:id="rId1"/>
  <rowBreaks count="3" manualBreakCount="3">
    <brk id="32" max="16383" man="1"/>
    <brk id="64" max="16383" man="1"/>
    <brk id="96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2:S12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59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303</v>
      </c>
      <c r="C7" s="24"/>
      <c r="D7" s="22"/>
      <c r="E7" s="29" t="s">
        <v>304</v>
      </c>
      <c r="F7" s="29" t="s">
        <v>305</v>
      </c>
      <c r="G7" s="30"/>
      <c r="H7" s="31" t="s">
        <v>305</v>
      </c>
      <c r="I7" s="29" t="s">
        <v>44</v>
      </c>
      <c r="J7" s="32"/>
      <c r="K7" s="33" t="s">
        <v>44</v>
      </c>
      <c r="L7" s="32"/>
      <c r="M7" s="34" t="s">
        <v>306</v>
      </c>
    </row>
    <row r="8" spans="1:19" customFormat="1" ht="29.1" customHeight="1">
      <c r="A8" s="20"/>
      <c r="B8" s="21"/>
      <c r="C8" s="42" t="s">
        <v>17</v>
      </c>
      <c r="D8" s="38" t="s">
        <v>307</v>
      </c>
      <c r="E8" s="39" t="s">
        <v>308</v>
      </c>
      <c r="F8" s="39" t="s">
        <v>309</v>
      </c>
      <c r="G8" s="40"/>
      <c r="H8" s="41" t="s">
        <v>309</v>
      </c>
      <c r="I8" s="39" t="s">
        <v>44</v>
      </c>
      <c r="J8" s="42"/>
      <c r="K8" s="43" t="s">
        <v>44</v>
      </c>
      <c r="L8" s="42"/>
      <c r="M8" s="44" t="s">
        <v>310</v>
      </c>
    </row>
    <row r="9" spans="1:19" customFormat="1" ht="29.1" customHeight="1">
      <c r="A9" s="20"/>
      <c r="B9" s="21"/>
      <c r="C9" s="42" t="s">
        <v>33</v>
      </c>
      <c r="D9" s="38" t="s">
        <v>205</v>
      </c>
      <c r="E9" s="39" t="s">
        <v>311</v>
      </c>
      <c r="F9" s="39" t="s">
        <v>312</v>
      </c>
      <c r="G9" s="40"/>
      <c r="H9" s="41" t="s">
        <v>312</v>
      </c>
      <c r="I9" s="39" t="s">
        <v>44</v>
      </c>
      <c r="J9" s="42"/>
      <c r="K9" s="43" t="s">
        <v>44</v>
      </c>
      <c r="L9" s="42" t="s">
        <v>59</v>
      </c>
      <c r="M9" s="44" t="s">
        <v>313</v>
      </c>
    </row>
    <row r="10" spans="1:19" customFormat="1" ht="29.1" customHeight="1">
      <c r="A10" s="20"/>
      <c r="B10" s="21"/>
      <c r="C10" s="42" t="s">
        <v>41</v>
      </c>
      <c r="D10" s="38" t="s">
        <v>217</v>
      </c>
      <c r="E10" s="39" t="s">
        <v>314</v>
      </c>
      <c r="F10" s="39" t="s">
        <v>315</v>
      </c>
      <c r="G10" s="45"/>
      <c r="H10" s="46" t="s">
        <v>315</v>
      </c>
      <c r="I10" s="39" t="s">
        <v>44</v>
      </c>
      <c r="J10" s="42"/>
      <c r="K10" s="43" t="s">
        <v>44</v>
      </c>
      <c r="L10" s="42"/>
      <c r="M10" s="44" t="s">
        <v>316</v>
      </c>
    </row>
    <row r="11" spans="1:19" customFormat="1" ht="29.1" customHeight="1">
      <c r="A11" s="20"/>
      <c r="B11" s="21"/>
      <c r="C11" s="42" t="s">
        <v>45</v>
      </c>
      <c r="D11" s="38" t="s">
        <v>222</v>
      </c>
      <c r="E11" s="39" t="s">
        <v>317</v>
      </c>
      <c r="F11" s="39" t="s">
        <v>318</v>
      </c>
      <c r="G11" s="40"/>
      <c r="H11" s="41" t="s">
        <v>318</v>
      </c>
      <c r="I11" s="39" t="s">
        <v>44</v>
      </c>
      <c r="J11" s="42"/>
      <c r="K11" s="43" t="s">
        <v>44</v>
      </c>
      <c r="L11" s="42" t="s">
        <v>59</v>
      </c>
      <c r="M11" s="44" t="s">
        <v>319</v>
      </c>
    </row>
    <row r="12" spans="1:19" s="67" customFormat="1" ht="29.1" customHeight="1">
      <c r="A12" s="111" t="s">
        <v>15</v>
      </c>
      <c r="B12" s="112"/>
      <c r="C12" s="112"/>
      <c r="D12" s="112"/>
      <c r="E12" s="68" t="s">
        <v>304</v>
      </c>
      <c r="F12" s="68" t="s">
        <v>305</v>
      </c>
      <c r="G12" s="74"/>
      <c r="H12" s="75" t="s">
        <v>305</v>
      </c>
      <c r="I12" s="68" t="s">
        <v>44</v>
      </c>
      <c r="J12" s="71"/>
      <c r="K12" s="72" t="s">
        <v>44</v>
      </c>
      <c r="L12" s="71"/>
      <c r="M12" s="73" t="s">
        <v>306</v>
      </c>
    </row>
  </sheetData>
  <mergeCells count="10">
    <mergeCell ref="A12:D12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2:S11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0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320</v>
      </c>
      <c r="C7" s="24"/>
      <c r="D7" s="22"/>
      <c r="E7" s="29" t="s">
        <v>321</v>
      </c>
      <c r="F7" s="29" t="s">
        <v>322</v>
      </c>
      <c r="G7" s="30"/>
      <c r="H7" s="31" t="s">
        <v>322</v>
      </c>
      <c r="I7" s="29" t="s">
        <v>44</v>
      </c>
      <c r="J7" s="32"/>
      <c r="K7" s="33" t="s">
        <v>44</v>
      </c>
      <c r="L7" s="32" t="s">
        <v>59</v>
      </c>
      <c r="M7" s="34" t="s">
        <v>323</v>
      </c>
    </row>
    <row r="8" spans="1:19" customFormat="1" ht="29.1" customHeight="1">
      <c r="A8" s="20"/>
      <c r="B8" s="21"/>
      <c r="C8" s="42" t="s">
        <v>17</v>
      </c>
      <c r="D8" s="38" t="s">
        <v>181</v>
      </c>
      <c r="E8" s="39" t="s">
        <v>324</v>
      </c>
      <c r="F8" s="39" t="s">
        <v>325</v>
      </c>
      <c r="G8" s="40"/>
      <c r="H8" s="41" t="s">
        <v>325</v>
      </c>
      <c r="I8" s="39" t="s">
        <v>44</v>
      </c>
      <c r="J8" s="42"/>
      <c r="K8" s="43" t="s">
        <v>44</v>
      </c>
      <c r="L8" s="42" t="s">
        <v>59</v>
      </c>
      <c r="M8" s="44" t="s">
        <v>326</v>
      </c>
    </row>
    <row r="9" spans="1:19" customFormat="1" ht="29.1" customHeight="1">
      <c r="A9" s="20"/>
      <c r="B9" s="21"/>
      <c r="C9" s="42" t="s">
        <v>33</v>
      </c>
      <c r="D9" s="38" t="s">
        <v>205</v>
      </c>
      <c r="E9" s="39" t="s">
        <v>327</v>
      </c>
      <c r="F9" s="39" t="s">
        <v>328</v>
      </c>
      <c r="G9" s="40"/>
      <c r="H9" s="41" t="s">
        <v>328</v>
      </c>
      <c r="I9" s="39" t="s">
        <v>44</v>
      </c>
      <c r="J9" s="42"/>
      <c r="K9" s="43" t="s">
        <v>44</v>
      </c>
      <c r="L9" s="42" t="s">
        <v>59</v>
      </c>
      <c r="M9" s="44" t="s">
        <v>329</v>
      </c>
    </row>
    <row r="10" spans="1:19" customFormat="1" ht="29.1" customHeight="1">
      <c r="A10" s="20"/>
      <c r="B10" s="21"/>
      <c r="C10" s="42" t="s">
        <v>41</v>
      </c>
      <c r="D10" s="38" t="s">
        <v>293</v>
      </c>
      <c r="E10" s="39" t="s">
        <v>330</v>
      </c>
      <c r="F10" s="39" t="s">
        <v>330</v>
      </c>
      <c r="G10" s="45"/>
      <c r="H10" s="46" t="s">
        <v>330</v>
      </c>
      <c r="I10" s="39" t="s">
        <v>44</v>
      </c>
      <c r="J10" s="42"/>
      <c r="K10" s="43" t="s">
        <v>44</v>
      </c>
      <c r="L10" s="42"/>
      <c r="M10" s="44" t="s">
        <v>44</v>
      </c>
    </row>
    <row r="11" spans="1:19" s="67" customFormat="1" ht="29.1" customHeight="1">
      <c r="A11" s="111" t="s">
        <v>15</v>
      </c>
      <c r="B11" s="112"/>
      <c r="C11" s="112"/>
      <c r="D11" s="112"/>
      <c r="E11" s="68" t="s">
        <v>321</v>
      </c>
      <c r="F11" s="68" t="s">
        <v>322</v>
      </c>
      <c r="G11" s="74"/>
      <c r="H11" s="75" t="s">
        <v>322</v>
      </c>
      <c r="I11" s="68" t="s">
        <v>44</v>
      </c>
      <c r="J11" s="71"/>
      <c r="K11" s="72" t="s">
        <v>44</v>
      </c>
      <c r="L11" s="71" t="s">
        <v>59</v>
      </c>
      <c r="M11" s="73" t="s">
        <v>323</v>
      </c>
    </row>
  </sheetData>
  <mergeCells count="10">
    <mergeCell ref="A11:D11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2:S11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1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331</v>
      </c>
      <c r="C7" s="24"/>
      <c r="D7" s="22"/>
      <c r="E7" s="29" t="s">
        <v>332</v>
      </c>
      <c r="F7" s="29" t="s">
        <v>333</v>
      </c>
      <c r="G7" s="30"/>
      <c r="H7" s="31" t="s">
        <v>333</v>
      </c>
      <c r="I7" s="29" t="s">
        <v>44</v>
      </c>
      <c r="J7" s="32"/>
      <c r="K7" s="33" t="s">
        <v>44</v>
      </c>
      <c r="L7" s="32"/>
      <c r="M7" s="34" t="s">
        <v>334</v>
      </c>
    </row>
    <row r="8" spans="1:19" customFormat="1" ht="29.1" customHeight="1">
      <c r="A8" s="20"/>
      <c r="B8" s="21"/>
      <c r="C8" s="42" t="s">
        <v>17</v>
      </c>
      <c r="D8" s="38" t="s">
        <v>335</v>
      </c>
      <c r="E8" s="39" t="s">
        <v>336</v>
      </c>
      <c r="F8" s="39" t="s">
        <v>336</v>
      </c>
      <c r="G8" s="40"/>
      <c r="H8" s="41" t="s">
        <v>336</v>
      </c>
      <c r="I8" s="39" t="s">
        <v>44</v>
      </c>
      <c r="J8" s="42"/>
      <c r="K8" s="43" t="s">
        <v>44</v>
      </c>
      <c r="L8" s="42"/>
      <c r="M8" s="44" t="s">
        <v>44</v>
      </c>
    </row>
    <row r="9" spans="1:19" customFormat="1" ht="29.1" customHeight="1">
      <c r="A9" s="20"/>
      <c r="B9" s="21"/>
      <c r="C9" s="42" t="s">
        <v>33</v>
      </c>
      <c r="D9" s="38" t="s">
        <v>217</v>
      </c>
      <c r="E9" s="39" t="s">
        <v>337</v>
      </c>
      <c r="F9" s="39" t="s">
        <v>338</v>
      </c>
      <c r="G9" s="40"/>
      <c r="H9" s="41" t="s">
        <v>338</v>
      </c>
      <c r="I9" s="39" t="s">
        <v>44</v>
      </c>
      <c r="J9" s="42"/>
      <c r="K9" s="43" t="s">
        <v>44</v>
      </c>
      <c r="L9" s="42"/>
      <c r="M9" s="44" t="s">
        <v>339</v>
      </c>
    </row>
    <row r="10" spans="1:19" customFormat="1" ht="29.1" customHeight="1">
      <c r="A10" s="20"/>
      <c r="B10" s="21"/>
      <c r="C10" s="42" t="s">
        <v>41</v>
      </c>
      <c r="D10" s="38" t="s">
        <v>222</v>
      </c>
      <c r="E10" s="39" t="s">
        <v>44</v>
      </c>
      <c r="F10" s="39" t="s">
        <v>340</v>
      </c>
      <c r="G10" s="45"/>
      <c r="H10" s="46" t="s">
        <v>340</v>
      </c>
      <c r="I10" s="39" t="s">
        <v>44</v>
      </c>
      <c r="J10" s="42"/>
      <c r="K10" s="43" t="s">
        <v>44</v>
      </c>
      <c r="L10" s="42"/>
      <c r="M10" s="44" t="s">
        <v>340</v>
      </c>
    </row>
    <row r="11" spans="1:19" s="67" customFormat="1" ht="29.1" customHeight="1">
      <c r="A11" s="111" t="s">
        <v>15</v>
      </c>
      <c r="B11" s="112"/>
      <c r="C11" s="112"/>
      <c r="D11" s="112"/>
      <c r="E11" s="68" t="s">
        <v>332</v>
      </c>
      <c r="F11" s="68" t="s">
        <v>333</v>
      </c>
      <c r="G11" s="74"/>
      <c r="H11" s="75" t="s">
        <v>333</v>
      </c>
      <c r="I11" s="68" t="s">
        <v>44</v>
      </c>
      <c r="J11" s="71"/>
      <c r="K11" s="72" t="s">
        <v>44</v>
      </c>
      <c r="L11" s="71"/>
      <c r="M11" s="73" t="s">
        <v>334</v>
      </c>
    </row>
  </sheetData>
  <mergeCells count="10">
    <mergeCell ref="A11:D11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2:S10"/>
  <sheetViews>
    <sheetView view="pageBreakPreview" topLeftCell="A16" zoomScale="60" zoomScaleNormal="100"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2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341</v>
      </c>
      <c r="C7" s="24"/>
      <c r="D7" s="22"/>
      <c r="E7" s="29" t="s">
        <v>342</v>
      </c>
      <c r="F7" s="29" t="s">
        <v>343</v>
      </c>
      <c r="G7" s="30"/>
      <c r="H7" s="31" t="s">
        <v>343</v>
      </c>
      <c r="I7" s="29" t="s">
        <v>44</v>
      </c>
      <c r="J7" s="32"/>
      <c r="K7" s="33" t="s">
        <v>44</v>
      </c>
      <c r="L7" s="32"/>
      <c r="M7" s="34" t="s">
        <v>344</v>
      </c>
    </row>
    <row r="8" spans="1:19" customFormat="1" ht="29.1" customHeight="1">
      <c r="A8" s="20"/>
      <c r="B8" s="21"/>
      <c r="C8" s="42" t="s">
        <v>17</v>
      </c>
      <c r="D8" s="38" t="s">
        <v>345</v>
      </c>
      <c r="E8" s="39" t="s">
        <v>346</v>
      </c>
      <c r="F8" s="39" t="s">
        <v>347</v>
      </c>
      <c r="G8" s="40"/>
      <c r="H8" s="41" t="s">
        <v>347</v>
      </c>
      <c r="I8" s="39" t="s">
        <v>44</v>
      </c>
      <c r="J8" s="42"/>
      <c r="K8" s="43" t="s">
        <v>44</v>
      </c>
      <c r="L8" s="42"/>
      <c r="M8" s="44" t="s">
        <v>348</v>
      </c>
    </row>
    <row r="9" spans="1:19" customFormat="1" ht="29.1" customHeight="1">
      <c r="A9" s="20"/>
      <c r="B9" s="21"/>
      <c r="C9" s="42" t="s">
        <v>33</v>
      </c>
      <c r="D9" s="38" t="s">
        <v>349</v>
      </c>
      <c r="E9" s="39" t="s">
        <v>350</v>
      </c>
      <c r="F9" s="39" t="s">
        <v>351</v>
      </c>
      <c r="G9" s="40"/>
      <c r="H9" s="41" t="s">
        <v>351</v>
      </c>
      <c r="I9" s="39" t="s">
        <v>44</v>
      </c>
      <c r="J9" s="42"/>
      <c r="K9" s="43" t="s">
        <v>44</v>
      </c>
      <c r="L9" s="42" t="s">
        <v>59</v>
      </c>
      <c r="M9" s="44" t="s">
        <v>352</v>
      </c>
    </row>
    <row r="10" spans="1:19" s="67" customFormat="1" ht="29.1" customHeight="1">
      <c r="A10" s="111" t="s">
        <v>15</v>
      </c>
      <c r="B10" s="112"/>
      <c r="C10" s="112"/>
      <c r="D10" s="112"/>
      <c r="E10" s="68" t="s">
        <v>342</v>
      </c>
      <c r="F10" s="68" t="s">
        <v>343</v>
      </c>
      <c r="G10" s="74"/>
      <c r="H10" s="75" t="s">
        <v>343</v>
      </c>
      <c r="I10" s="68" t="s">
        <v>44</v>
      </c>
      <c r="J10" s="71"/>
      <c r="K10" s="72" t="s">
        <v>44</v>
      </c>
      <c r="L10" s="71"/>
      <c r="M10" s="73" t="s">
        <v>344</v>
      </c>
    </row>
  </sheetData>
  <mergeCells count="10">
    <mergeCell ref="A10:D10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2:S13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3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353</v>
      </c>
      <c r="C7" s="24"/>
      <c r="D7" s="22"/>
      <c r="E7" s="29" t="s">
        <v>354</v>
      </c>
      <c r="F7" s="29" t="s">
        <v>355</v>
      </c>
      <c r="G7" s="30"/>
      <c r="H7" s="31" t="s">
        <v>355</v>
      </c>
      <c r="I7" s="29" t="s">
        <v>44</v>
      </c>
      <c r="J7" s="32"/>
      <c r="K7" s="33" t="s">
        <v>44</v>
      </c>
      <c r="L7" s="32" t="s">
        <v>59</v>
      </c>
      <c r="M7" s="34" t="s">
        <v>356</v>
      </c>
    </row>
    <row r="8" spans="1:19" customFormat="1" ht="29.1" customHeight="1">
      <c r="A8" s="20"/>
      <c r="B8" s="21"/>
      <c r="C8" s="42" t="s">
        <v>17</v>
      </c>
      <c r="D8" s="38" t="s">
        <v>181</v>
      </c>
      <c r="E8" s="39" t="s">
        <v>357</v>
      </c>
      <c r="F8" s="39" t="s">
        <v>358</v>
      </c>
      <c r="G8" s="40"/>
      <c r="H8" s="41" t="s">
        <v>358</v>
      </c>
      <c r="I8" s="39" t="s">
        <v>44</v>
      </c>
      <c r="J8" s="42"/>
      <c r="K8" s="43" t="s">
        <v>44</v>
      </c>
      <c r="L8" s="42" t="s">
        <v>59</v>
      </c>
      <c r="M8" s="44" t="s">
        <v>359</v>
      </c>
    </row>
    <row r="9" spans="1:19" customFormat="1" ht="29.1" customHeight="1">
      <c r="A9" s="20"/>
      <c r="B9" s="21"/>
      <c r="C9" s="42" t="s">
        <v>33</v>
      </c>
      <c r="D9" s="38" t="s">
        <v>165</v>
      </c>
      <c r="E9" s="39" t="s">
        <v>360</v>
      </c>
      <c r="F9" s="39" t="s">
        <v>361</v>
      </c>
      <c r="G9" s="40"/>
      <c r="H9" s="41" t="s">
        <v>361</v>
      </c>
      <c r="I9" s="39" t="s">
        <v>44</v>
      </c>
      <c r="J9" s="42"/>
      <c r="K9" s="43" t="s">
        <v>44</v>
      </c>
      <c r="L9" s="42" t="s">
        <v>59</v>
      </c>
      <c r="M9" s="44" t="s">
        <v>362</v>
      </c>
    </row>
    <row r="10" spans="1:19" customFormat="1" ht="29.1" customHeight="1">
      <c r="A10" s="20"/>
      <c r="B10" s="21"/>
      <c r="C10" s="42" t="s">
        <v>41</v>
      </c>
      <c r="D10" s="38" t="s">
        <v>205</v>
      </c>
      <c r="E10" s="39" t="s">
        <v>363</v>
      </c>
      <c r="F10" s="39" t="s">
        <v>44</v>
      </c>
      <c r="G10" s="45"/>
      <c r="H10" s="46" t="s">
        <v>44</v>
      </c>
      <c r="I10" s="39" t="s">
        <v>44</v>
      </c>
      <c r="J10" s="42"/>
      <c r="K10" s="43" t="s">
        <v>44</v>
      </c>
      <c r="L10" s="42" t="s">
        <v>59</v>
      </c>
      <c r="M10" s="44" t="s">
        <v>363</v>
      </c>
    </row>
    <row r="11" spans="1:19" customFormat="1" ht="29.1" customHeight="1">
      <c r="A11" s="20"/>
      <c r="B11" s="21"/>
      <c r="C11" s="42" t="s">
        <v>45</v>
      </c>
      <c r="D11" s="38" t="s">
        <v>217</v>
      </c>
      <c r="E11" s="39" t="s">
        <v>82</v>
      </c>
      <c r="F11" s="39" t="s">
        <v>44</v>
      </c>
      <c r="G11" s="40"/>
      <c r="H11" s="41" t="s">
        <v>44</v>
      </c>
      <c r="I11" s="39" t="s">
        <v>44</v>
      </c>
      <c r="J11" s="42"/>
      <c r="K11" s="43" t="s">
        <v>44</v>
      </c>
      <c r="L11" s="42" t="s">
        <v>59</v>
      </c>
      <c r="M11" s="44" t="s">
        <v>82</v>
      </c>
    </row>
    <row r="12" spans="1:19" customFormat="1" ht="29.1" customHeight="1">
      <c r="A12" s="20"/>
      <c r="B12" s="21"/>
      <c r="C12" s="42" t="s">
        <v>53</v>
      </c>
      <c r="D12" s="38" t="s">
        <v>222</v>
      </c>
      <c r="E12" s="39" t="s">
        <v>364</v>
      </c>
      <c r="F12" s="39" t="s">
        <v>365</v>
      </c>
      <c r="G12" s="45"/>
      <c r="H12" s="46" t="s">
        <v>365</v>
      </c>
      <c r="I12" s="39" t="s">
        <v>44</v>
      </c>
      <c r="J12" s="42"/>
      <c r="K12" s="43" t="s">
        <v>44</v>
      </c>
      <c r="L12" s="42" t="s">
        <v>59</v>
      </c>
      <c r="M12" s="44" t="s">
        <v>366</v>
      </c>
    </row>
    <row r="13" spans="1:19" s="67" customFormat="1" ht="29.1" customHeight="1">
      <c r="A13" s="111" t="s">
        <v>15</v>
      </c>
      <c r="B13" s="112"/>
      <c r="C13" s="112"/>
      <c r="D13" s="112"/>
      <c r="E13" s="68" t="s">
        <v>354</v>
      </c>
      <c r="F13" s="68" t="s">
        <v>355</v>
      </c>
      <c r="G13" s="74"/>
      <c r="H13" s="75" t="s">
        <v>355</v>
      </c>
      <c r="I13" s="68" t="s">
        <v>44</v>
      </c>
      <c r="J13" s="71"/>
      <c r="K13" s="72" t="s">
        <v>44</v>
      </c>
      <c r="L13" s="71" t="s">
        <v>59</v>
      </c>
      <c r="M13" s="73" t="s">
        <v>356</v>
      </c>
    </row>
  </sheetData>
  <mergeCells count="10">
    <mergeCell ref="A13:D13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2:S11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4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367</v>
      </c>
      <c r="C7" s="24"/>
      <c r="D7" s="22"/>
      <c r="E7" s="29" t="s">
        <v>368</v>
      </c>
      <c r="F7" s="29" t="s">
        <v>369</v>
      </c>
      <c r="G7" s="30"/>
      <c r="H7" s="31" t="s">
        <v>369</v>
      </c>
      <c r="I7" s="29" t="s">
        <v>44</v>
      </c>
      <c r="J7" s="32"/>
      <c r="K7" s="33" t="s">
        <v>44</v>
      </c>
      <c r="L7" s="32"/>
      <c r="M7" s="34" t="s">
        <v>370</v>
      </c>
    </row>
    <row r="8" spans="1:19" customFormat="1" ht="29.1" customHeight="1">
      <c r="A8" s="20"/>
      <c r="B8" s="21"/>
      <c r="C8" s="42" t="s">
        <v>17</v>
      </c>
      <c r="D8" s="38" t="s">
        <v>307</v>
      </c>
      <c r="E8" s="39" t="s">
        <v>371</v>
      </c>
      <c r="F8" s="39" t="s">
        <v>372</v>
      </c>
      <c r="G8" s="40"/>
      <c r="H8" s="41" t="s">
        <v>372</v>
      </c>
      <c r="I8" s="39" t="s">
        <v>44</v>
      </c>
      <c r="J8" s="42"/>
      <c r="K8" s="43" t="s">
        <v>44</v>
      </c>
      <c r="L8" s="42"/>
      <c r="M8" s="44" t="s">
        <v>373</v>
      </c>
    </row>
    <row r="9" spans="1:19" customFormat="1" ht="29.1" customHeight="1">
      <c r="A9" s="20"/>
      <c r="B9" s="21"/>
      <c r="C9" s="42" t="s">
        <v>33</v>
      </c>
      <c r="D9" s="38" t="s">
        <v>217</v>
      </c>
      <c r="E9" s="39" t="s">
        <v>374</v>
      </c>
      <c r="F9" s="39" t="s">
        <v>375</v>
      </c>
      <c r="G9" s="40"/>
      <c r="H9" s="41" t="s">
        <v>375</v>
      </c>
      <c r="I9" s="39" t="s">
        <v>44</v>
      </c>
      <c r="J9" s="42"/>
      <c r="K9" s="43" t="s">
        <v>44</v>
      </c>
      <c r="L9" s="42"/>
      <c r="M9" s="44" t="s">
        <v>376</v>
      </c>
    </row>
    <row r="10" spans="1:19" customFormat="1" ht="29.1" customHeight="1">
      <c r="A10" s="20"/>
      <c r="B10" s="21"/>
      <c r="C10" s="42" t="s">
        <v>41</v>
      </c>
      <c r="D10" s="38" t="s">
        <v>222</v>
      </c>
      <c r="E10" s="39" t="s">
        <v>82</v>
      </c>
      <c r="F10" s="39" t="s">
        <v>377</v>
      </c>
      <c r="G10" s="45"/>
      <c r="H10" s="46" t="s">
        <v>377</v>
      </c>
      <c r="I10" s="39" t="s">
        <v>44</v>
      </c>
      <c r="J10" s="42"/>
      <c r="K10" s="43" t="s">
        <v>44</v>
      </c>
      <c r="L10" s="42" t="s">
        <v>59</v>
      </c>
      <c r="M10" s="44" t="s">
        <v>378</v>
      </c>
    </row>
    <row r="11" spans="1:19" s="67" customFormat="1" ht="29.1" customHeight="1">
      <c r="A11" s="111" t="s">
        <v>15</v>
      </c>
      <c r="B11" s="112"/>
      <c r="C11" s="112"/>
      <c r="D11" s="112"/>
      <c r="E11" s="68" t="s">
        <v>368</v>
      </c>
      <c r="F11" s="68" t="s">
        <v>369</v>
      </c>
      <c r="G11" s="74"/>
      <c r="H11" s="75" t="s">
        <v>369</v>
      </c>
      <c r="I11" s="68" t="s">
        <v>44</v>
      </c>
      <c r="J11" s="71"/>
      <c r="K11" s="72" t="s">
        <v>44</v>
      </c>
      <c r="L11" s="71"/>
      <c r="M11" s="73" t="s">
        <v>370</v>
      </c>
    </row>
  </sheetData>
  <mergeCells count="10">
    <mergeCell ref="A11:D11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2:S12"/>
  <sheetViews>
    <sheetView workbookViewId="0">
      <selection activeCell="B3" sqref="B3"/>
    </sheetView>
  </sheetViews>
  <sheetFormatPr defaultColWidth="9" defaultRowHeight="28.95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1" customFormat="1" ht="22.5" customHeight="1">
      <c r="A2" s="104" t="s">
        <v>565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2"/>
      <c r="O2" s="2"/>
      <c r="P2" s="3"/>
      <c r="Q2" s="4" t="s">
        <v>0</v>
      </c>
      <c r="R2" s="4" t="s">
        <v>1</v>
      </c>
      <c r="S2" s="4" t="s">
        <v>2</v>
      </c>
    </row>
    <row r="3" spans="1:19" s="1" customFormat="1" ht="29.1" customHeight="1">
      <c r="A3" s="5" t="s">
        <v>16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</v>
      </c>
      <c r="N3" s="2"/>
      <c r="O3" s="2"/>
      <c r="P3" s="3"/>
      <c r="Q3" s="4" t="s">
        <v>0</v>
      </c>
      <c r="R3" s="4" t="s">
        <v>1</v>
      </c>
      <c r="S3" s="4" t="s">
        <v>2</v>
      </c>
    </row>
    <row r="4" spans="1:19" ht="19.5" customHeight="1">
      <c r="A4" s="105" t="s">
        <v>4</v>
      </c>
      <c r="B4" s="102"/>
      <c r="C4" s="102" t="s">
        <v>5</v>
      </c>
      <c r="D4" s="102"/>
      <c r="E4" s="102" t="s">
        <v>6</v>
      </c>
      <c r="F4" s="102" t="s">
        <v>7</v>
      </c>
      <c r="G4" s="102" t="s">
        <v>8</v>
      </c>
      <c r="H4" s="102"/>
      <c r="I4" s="102" t="s">
        <v>9</v>
      </c>
      <c r="J4" s="102" t="s">
        <v>10</v>
      </c>
      <c r="K4" s="102"/>
      <c r="L4" s="107" t="s">
        <v>11</v>
      </c>
      <c r="M4" s="108"/>
      <c r="N4" s="8"/>
      <c r="O4" s="8"/>
      <c r="P4" s="9"/>
      <c r="Q4" s="10" t="s">
        <v>12</v>
      </c>
      <c r="R4" s="10" t="s">
        <v>1</v>
      </c>
      <c r="S4" s="10" t="s">
        <v>13</v>
      </c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 t="s">
        <v>12</v>
      </c>
      <c r="R5" s="10" t="s">
        <v>1</v>
      </c>
      <c r="S5" s="10" t="s">
        <v>13</v>
      </c>
    </row>
    <row r="6" spans="1:19" ht="10.5" customHeight="1">
      <c r="A6" s="12"/>
      <c r="B6" s="13"/>
      <c r="C6" s="18"/>
      <c r="D6" s="14"/>
      <c r="E6" s="15" t="s">
        <v>14</v>
      </c>
      <c r="F6" s="15" t="s">
        <v>14</v>
      </c>
      <c r="G6" s="16"/>
      <c r="H6" s="17" t="s">
        <v>14</v>
      </c>
      <c r="I6" s="15" t="s">
        <v>14</v>
      </c>
      <c r="J6" s="18"/>
      <c r="K6" s="17" t="s">
        <v>14</v>
      </c>
      <c r="L6" s="18"/>
      <c r="M6" s="19" t="s">
        <v>14</v>
      </c>
      <c r="N6" s="8"/>
      <c r="O6" s="8"/>
      <c r="P6" s="9"/>
      <c r="Q6" s="10" t="s">
        <v>12</v>
      </c>
      <c r="R6" s="10" t="s">
        <v>1</v>
      </c>
      <c r="S6" s="10" t="s">
        <v>13</v>
      </c>
    </row>
    <row r="7" spans="1:19" customFormat="1" ht="29.1" customHeight="1">
      <c r="A7" s="27" t="s">
        <v>17</v>
      </c>
      <c r="B7" s="28" t="s">
        <v>379</v>
      </c>
      <c r="C7" s="24"/>
      <c r="D7" s="22"/>
      <c r="E7" s="29" t="s">
        <v>380</v>
      </c>
      <c r="F7" s="29" t="s">
        <v>381</v>
      </c>
      <c r="G7" s="30"/>
      <c r="H7" s="31" t="s">
        <v>381</v>
      </c>
      <c r="I7" s="29" t="s">
        <v>44</v>
      </c>
      <c r="J7" s="32"/>
      <c r="K7" s="33" t="s">
        <v>44</v>
      </c>
      <c r="L7" s="32"/>
      <c r="M7" s="34" t="s">
        <v>382</v>
      </c>
    </row>
    <row r="8" spans="1:19" customFormat="1" ht="29.1" customHeight="1">
      <c r="A8" s="20"/>
      <c r="B8" s="21"/>
      <c r="C8" s="42" t="s">
        <v>17</v>
      </c>
      <c r="D8" s="38" t="s">
        <v>307</v>
      </c>
      <c r="E8" s="39" t="s">
        <v>383</v>
      </c>
      <c r="F8" s="39" t="s">
        <v>384</v>
      </c>
      <c r="G8" s="40"/>
      <c r="H8" s="41" t="s">
        <v>384</v>
      </c>
      <c r="I8" s="39" t="s">
        <v>44</v>
      </c>
      <c r="J8" s="42"/>
      <c r="K8" s="43" t="s">
        <v>44</v>
      </c>
      <c r="L8" s="42"/>
      <c r="M8" s="44" t="s">
        <v>385</v>
      </c>
    </row>
    <row r="9" spans="1:19" customFormat="1" ht="29.1" customHeight="1">
      <c r="A9" s="20"/>
      <c r="B9" s="21"/>
      <c r="C9" s="42" t="s">
        <v>33</v>
      </c>
      <c r="D9" s="38" t="s">
        <v>205</v>
      </c>
      <c r="E9" s="39" t="s">
        <v>386</v>
      </c>
      <c r="F9" s="39" t="s">
        <v>387</v>
      </c>
      <c r="G9" s="40"/>
      <c r="H9" s="41" t="s">
        <v>387</v>
      </c>
      <c r="I9" s="39" t="s">
        <v>44</v>
      </c>
      <c r="J9" s="42"/>
      <c r="K9" s="43" t="s">
        <v>44</v>
      </c>
      <c r="L9" s="42" t="s">
        <v>59</v>
      </c>
      <c r="M9" s="44" t="s">
        <v>388</v>
      </c>
    </row>
    <row r="10" spans="1:19" customFormat="1" ht="29.1" customHeight="1">
      <c r="A10" s="20"/>
      <c r="B10" s="21"/>
      <c r="C10" s="42" t="s">
        <v>41</v>
      </c>
      <c r="D10" s="38" t="s">
        <v>217</v>
      </c>
      <c r="E10" s="39" t="s">
        <v>389</v>
      </c>
      <c r="F10" s="39" t="s">
        <v>390</v>
      </c>
      <c r="G10" s="45"/>
      <c r="H10" s="46" t="s">
        <v>390</v>
      </c>
      <c r="I10" s="39" t="s">
        <v>44</v>
      </c>
      <c r="J10" s="42"/>
      <c r="K10" s="43" t="s">
        <v>44</v>
      </c>
      <c r="L10" s="42"/>
      <c r="M10" s="44" t="s">
        <v>391</v>
      </c>
    </row>
    <row r="11" spans="1:19" customFormat="1" ht="29.1" customHeight="1">
      <c r="A11" s="20"/>
      <c r="B11" s="21"/>
      <c r="C11" s="42" t="s">
        <v>45</v>
      </c>
      <c r="D11" s="38" t="s">
        <v>222</v>
      </c>
      <c r="E11" s="39" t="s">
        <v>82</v>
      </c>
      <c r="F11" s="39" t="s">
        <v>392</v>
      </c>
      <c r="G11" s="40"/>
      <c r="H11" s="41" t="s">
        <v>392</v>
      </c>
      <c r="I11" s="39" t="s">
        <v>44</v>
      </c>
      <c r="J11" s="42"/>
      <c r="K11" s="43" t="s">
        <v>44</v>
      </c>
      <c r="L11" s="42" t="s">
        <v>59</v>
      </c>
      <c r="M11" s="44" t="s">
        <v>393</v>
      </c>
    </row>
    <row r="12" spans="1:19" s="67" customFormat="1" ht="29.1" customHeight="1">
      <c r="A12" s="111" t="s">
        <v>15</v>
      </c>
      <c r="B12" s="112"/>
      <c r="C12" s="112"/>
      <c r="D12" s="112"/>
      <c r="E12" s="68" t="s">
        <v>380</v>
      </c>
      <c r="F12" s="68" t="s">
        <v>381</v>
      </c>
      <c r="G12" s="74"/>
      <c r="H12" s="75" t="s">
        <v>381</v>
      </c>
      <c r="I12" s="68" t="s">
        <v>44</v>
      </c>
      <c r="J12" s="71"/>
      <c r="K12" s="72" t="s">
        <v>44</v>
      </c>
      <c r="L12" s="71"/>
      <c r="M12" s="73" t="s">
        <v>382</v>
      </c>
    </row>
  </sheetData>
  <mergeCells count="10">
    <mergeCell ref="A12:D12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1"/>
  <pageMargins left="0.39370078740157499" right="0.39370078740157499" top="0" bottom="0" header="0.1968503937007875" footer="0.1968503937007875"/>
  <pageSetup paperSize="9" pageOrder="overThenDown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17</vt:i4>
      </vt:variant>
    </vt:vector>
  </HeadingPairs>
  <TitlesOfParts>
    <vt:vector size="34" baseType="lpstr">
      <vt:lpstr>01一般会計(歳入)</vt:lpstr>
      <vt:lpstr>01一般会計(歳出)</vt:lpstr>
      <vt:lpstr>02市町村自治振興事業会</vt:lpstr>
      <vt:lpstr>03公債管理　　特別会計</vt:lpstr>
      <vt:lpstr>04公営競技収益配分金等</vt:lpstr>
      <vt:lpstr>05地方消費税　清算会計</vt:lpstr>
      <vt:lpstr>06災害救助基金会計</vt:lpstr>
      <vt:lpstr>08恩賜記念林業振興資金</vt:lpstr>
      <vt:lpstr>09林業改善資金会計</vt:lpstr>
      <vt:lpstr>10水源環境保全・再生事</vt:lpstr>
      <vt:lpstr>11沿岸漁業改善資金会計</vt:lpstr>
      <vt:lpstr>12介護保険財政安定化基</vt:lpstr>
      <vt:lpstr>13母子父子寡婦福祉資金</vt:lpstr>
      <vt:lpstr>14国民健康保険事業会計</vt:lpstr>
      <vt:lpstr>15神奈川県立病院機構資</vt:lpstr>
      <vt:lpstr>16中小企業資金会計</vt:lpstr>
      <vt:lpstr>18県営住宅事業会計</vt:lpstr>
      <vt:lpstr>'01一般会計(歳出)'!Print_Area</vt:lpstr>
      <vt:lpstr>'01一般会計(歳入)'!Print_Area</vt:lpstr>
      <vt:lpstr>'02市町村自治振興事業会'!Print_Area</vt:lpstr>
      <vt:lpstr>'03公債管理　　特別会計'!Print_Area</vt:lpstr>
      <vt:lpstr>'04公営競技収益配分金等'!Print_Area</vt:lpstr>
      <vt:lpstr>'05地方消費税　清算会計'!Print_Area</vt:lpstr>
      <vt:lpstr>'06災害救助基金会計'!Print_Area</vt:lpstr>
      <vt:lpstr>'08恩賜記念林業振興資金'!Print_Area</vt:lpstr>
      <vt:lpstr>'09林業改善資金会計'!Print_Area</vt:lpstr>
      <vt:lpstr>'10水源環境保全・再生事'!Print_Area</vt:lpstr>
      <vt:lpstr>'11沿岸漁業改善資金会計'!Print_Area</vt:lpstr>
      <vt:lpstr>'12介護保険財政安定化基'!Print_Area</vt:lpstr>
      <vt:lpstr>'13母子父子寡婦福祉資金'!Print_Area</vt:lpstr>
      <vt:lpstr>'14国民健康保険事業会計'!Print_Area</vt:lpstr>
      <vt:lpstr>'15神奈川県立病院機構資'!Print_Area</vt:lpstr>
      <vt:lpstr>'16中小企業資金会計'!Print_Area</vt:lpstr>
      <vt:lpstr>'18県営住宅事業会計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11-24T23:33:08Z</cp:lastPrinted>
  <dcterms:created xsi:type="dcterms:W3CDTF">2021-06-21T04:51:55Z</dcterms:created>
  <dcterms:modified xsi:type="dcterms:W3CDTF">2021-11-26T00:18:58Z</dcterms:modified>
</cp:coreProperties>
</file>